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-15" yWindow="60" windowWidth="9960" windowHeight="7710" tabRatio="955"/>
  </bookViews>
  <sheets>
    <sheet name="3(2)" sheetId="125" r:id="rId1"/>
  </sheets>
  <definedNames>
    <definedName name="_xlnm.Print_Area" localSheetId="0">'3(2)'!$A$1:$Z$88</definedName>
  </definedNames>
  <calcPr calcId="162913"/>
</workbook>
</file>

<file path=xl/sharedStrings.xml><?xml version="1.0" encoding="utf-8"?>
<sst xmlns="http://schemas.openxmlformats.org/spreadsheetml/2006/main" count="399" uniqueCount="123">
  <si>
    <t>国有林</t>
    <rPh sb="0" eb="3">
      <t>コクユウリン</t>
    </rPh>
    <phoneticPr fontId="2"/>
  </si>
  <si>
    <t>計</t>
    <rPh sb="0" eb="1">
      <t>ケイ</t>
    </rPh>
    <phoneticPr fontId="2"/>
  </si>
  <si>
    <t>林野庁所管</t>
    <rPh sb="0" eb="3">
      <t>リンヤチョウ</t>
    </rPh>
    <rPh sb="3" eb="5">
      <t>ショカン</t>
    </rPh>
    <phoneticPr fontId="2"/>
  </si>
  <si>
    <t>市町村</t>
    <rPh sb="0" eb="3">
      <t>シチョウソン</t>
    </rPh>
    <phoneticPr fontId="2"/>
  </si>
  <si>
    <t>-</t>
  </si>
  <si>
    <t>会　　　　　社　　　　　　　団　　　　　　体</t>
    <rPh sb="0" eb="7">
      <t>カイシャ</t>
    </rPh>
    <rPh sb="14" eb="22">
      <t>ダンタイ</t>
    </rPh>
    <phoneticPr fontId="2"/>
  </si>
  <si>
    <t>個　　　　　　　　　　　人</t>
    <rPh sb="0" eb="13">
      <t>コジン</t>
    </rPh>
    <phoneticPr fontId="2"/>
  </si>
  <si>
    <t>社　　　　　　　　　　　　　　寺</t>
    <rPh sb="0" eb="16">
      <t>シャジ</t>
    </rPh>
    <phoneticPr fontId="2"/>
  </si>
  <si>
    <t>共　　　　　　　　　　　　　　有</t>
    <rPh sb="0" eb="16">
      <t>キョウユウ</t>
    </rPh>
    <phoneticPr fontId="2"/>
  </si>
  <si>
    <t>集　　　　　　落　　　　　　　　共　　　　　　　　有</t>
    <rPh sb="0" eb="8">
      <t>シュウラク</t>
    </rPh>
    <rPh sb="16" eb="26">
      <t>キョウユウ</t>
    </rPh>
    <phoneticPr fontId="2"/>
  </si>
  <si>
    <t>公　　　　　　　社</t>
    <rPh sb="0" eb="9">
      <t>コウシャ</t>
    </rPh>
    <phoneticPr fontId="2"/>
  </si>
  <si>
    <t>財　　　　　　産　　　　　　　　区</t>
    <rPh sb="0" eb="8">
      <t>ザイサン</t>
    </rPh>
    <rPh sb="16" eb="17">
      <t>ク</t>
    </rPh>
    <phoneticPr fontId="2"/>
  </si>
  <si>
    <t>市　　　　　町　　　　　村　　　　　　　　（行）</t>
    <rPh sb="0" eb="13">
      <t>シチョウソン</t>
    </rPh>
    <rPh sb="22" eb="23">
      <t>オコナ</t>
    </rPh>
    <phoneticPr fontId="2"/>
  </si>
  <si>
    <t>県　　　　　　　　　　　　（行）</t>
    <rPh sb="0" eb="1">
      <t>ケン</t>
    </rPh>
    <rPh sb="14" eb="15">
      <t>ケンコウゾウリン</t>
    </rPh>
    <phoneticPr fontId="2"/>
  </si>
  <si>
    <t>国　　　　　有　　　　　　　林</t>
    <rPh sb="0" eb="15">
      <t>コクユウリン</t>
    </rPh>
    <phoneticPr fontId="2"/>
  </si>
  <si>
    <t>官　　　　　行　　　　　　造　　　　　　林</t>
    <rPh sb="0" eb="7">
      <t>カンコウ</t>
    </rPh>
    <rPh sb="13" eb="21">
      <t>ゾウリン</t>
    </rPh>
    <phoneticPr fontId="2"/>
  </si>
  <si>
    <t>（管内計）</t>
    <rPh sb="1" eb="3">
      <t>カンナイ</t>
    </rPh>
    <rPh sb="3" eb="4">
      <t>ケイ</t>
    </rPh>
    <phoneticPr fontId="2"/>
  </si>
  <si>
    <t>川本町</t>
    <rPh sb="0" eb="2">
      <t>カワモト</t>
    </rPh>
    <rPh sb="2" eb="3">
      <t>チョウ</t>
    </rPh>
    <phoneticPr fontId="2"/>
  </si>
  <si>
    <t>美郷町</t>
    <rPh sb="0" eb="3">
      <t>ミサトチョウ</t>
    </rPh>
    <phoneticPr fontId="2"/>
  </si>
  <si>
    <t>邑南町</t>
    <rPh sb="0" eb="1">
      <t>オウ</t>
    </rPh>
    <rPh sb="1" eb="3">
      <t>ナンチョウ</t>
    </rPh>
    <phoneticPr fontId="2"/>
  </si>
  <si>
    <t>大田市</t>
    <rPh sb="0" eb="3">
      <t>オオダシ</t>
    </rPh>
    <phoneticPr fontId="2"/>
  </si>
  <si>
    <t>浜田市</t>
    <rPh sb="0" eb="3">
      <t>ハマダシ</t>
    </rPh>
    <phoneticPr fontId="2"/>
  </si>
  <si>
    <t>江津市</t>
    <rPh sb="0" eb="3">
      <t>ゴウツシ</t>
    </rPh>
    <phoneticPr fontId="2"/>
  </si>
  <si>
    <t>松江市</t>
    <rPh sb="0" eb="3">
      <t>マツエシ</t>
    </rPh>
    <phoneticPr fontId="2"/>
  </si>
  <si>
    <t>安来市</t>
    <rPh sb="0" eb="3">
      <t>ヤスギシ</t>
    </rPh>
    <phoneticPr fontId="2"/>
  </si>
  <si>
    <t>雲南市</t>
    <rPh sb="0" eb="2">
      <t>ウンナン</t>
    </rPh>
    <rPh sb="2" eb="3">
      <t>シ</t>
    </rPh>
    <phoneticPr fontId="2"/>
  </si>
  <si>
    <t>飯南町</t>
    <rPh sb="0" eb="3">
      <t>イイナンチョウ</t>
    </rPh>
    <phoneticPr fontId="2"/>
  </si>
  <si>
    <t>出雲市</t>
    <rPh sb="0" eb="3">
      <t>イズモシ</t>
    </rPh>
    <phoneticPr fontId="2"/>
  </si>
  <si>
    <t>益田市</t>
    <rPh sb="0" eb="3">
      <t>マスダシ</t>
    </rPh>
    <phoneticPr fontId="2"/>
  </si>
  <si>
    <t>津和野町</t>
    <rPh sb="0" eb="4">
      <t>ツワノチョウ</t>
    </rPh>
    <phoneticPr fontId="2"/>
  </si>
  <si>
    <t>吉賀町</t>
    <rPh sb="0" eb="2">
      <t>ヨシガ</t>
    </rPh>
    <rPh sb="2" eb="3">
      <t>チョウ</t>
    </rPh>
    <phoneticPr fontId="2"/>
  </si>
  <si>
    <t>八束</t>
    <rPh sb="0" eb="2">
      <t>ヤツカ</t>
    </rPh>
    <phoneticPr fontId="2"/>
  </si>
  <si>
    <t>計画対象外森林</t>
    <rPh sb="0" eb="2">
      <t>ケイカク</t>
    </rPh>
    <rPh sb="2" eb="4">
      <t>タイショウ</t>
    </rPh>
    <rPh sb="4" eb="5">
      <t>ガイ</t>
    </rPh>
    <rPh sb="5" eb="7">
      <t>シンリン</t>
    </rPh>
    <phoneticPr fontId="2"/>
  </si>
  <si>
    <t xml:space="preserve"> -</t>
  </si>
  <si>
    <t>森林研究・
整備機構</t>
    <rPh sb="0" eb="2">
      <t>シンリン</t>
    </rPh>
    <rPh sb="2" eb="4">
      <t>ケンキュウ</t>
    </rPh>
    <rPh sb="6" eb="8">
      <t>セイビ</t>
    </rPh>
    <rPh sb="8" eb="10">
      <t>キコウ</t>
    </rPh>
    <phoneticPr fontId="2"/>
  </si>
  <si>
    <t>計画区</t>
    <phoneticPr fontId="2"/>
  </si>
  <si>
    <t>江の川下流</t>
    <rPh sb="0" eb="1">
      <t>ゴウ</t>
    </rPh>
    <rPh sb="2" eb="3">
      <t>カワ</t>
    </rPh>
    <rPh sb="3" eb="5">
      <t>カリュウ</t>
    </rPh>
    <phoneticPr fontId="2"/>
  </si>
  <si>
    <t>邑南町</t>
    <rPh sb="0" eb="3">
      <t>オオナンチョウ</t>
    </rPh>
    <phoneticPr fontId="2"/>
  </si>
  <si>
    <t>旧市町村</t>
    <rPh sb="0" eb="1">
      <t>キュウ</t>
    </rPh>
    <rPh sb="1" eb="4">
      <t>シチョウソン</t>
    </rPh>
    <phoneticPr fontId="2"/>
  </si>
  <si>
    <t>他省庁所管</t>
    <rPh sb="0" eb="1">
      <t>タ</t>
    </rPh>
    <rPh sb="1" eb="3">
      <t>ショウチョウ</t>
    </rPh>
    <rPh sb="3" eb="5">
      <t>ショカン</t>
    </rPh>
    <phoneticPr fontId="2"/>
  </si>
  <si>
    <t>民有林</t>
    <rPh sb="0" eb="3">
      <t>ミンユウリン</t>
    </rPh>
    <phoneticPr fontId="2"/>
  </si>
  <si>
    <t>森林</t>
    <rPh sb="0" eb="2">
      <t>シンリン</t>
    </rPh>
    <phoneticPr fontId="2"/>
  </si>
  <si>
    <t>耕地</t>
    <rPh sb="0" eb="2">
      <t>コウチ</t>
    </rPh>
    <phoneticPr fontId="2"/>
  </si>
  <si>
    <t>森林面積計</t>
    <rPh sb="0" eb="2">
      <t>シンリン</t>
    </rPh>
    <rPh sb="2" eb="4">
      <t>メンセキ</t>
    </rPh>
    <rPh sb="4" eb="5">
      <t>ケイ</t>
    </rPh>
    <phoneticPr fontId="2"/>
  </si>
  <si>
    <t>田</t>
    <rPh sb="0" eb="1">
      <t>タ</t>
    </rPh>
    <phoneticPr fontId="2"/>
  </si>
  <si>
    <t xml:space="preserve"> 畑・ 樹園地</t>
    <rPh sb="1" eb="2">
      <t>ハタケ</t>
    </rPh>
    <rPh sb="4" eb="7">
      <t>ジュエンチ</t>
    </rPh>
    <phoneticPr fontId="2"/>
  </si>
  <si>
    <t>耕地面積計</t>
    <rPh sb="0" eb="2">
      <t>コウチ</t>
    </rPh>
    <rPh sb="2" eb="4">
      <t>メンセキ</t>
    </rPh>
    <rPh sb="4" eb="5">
      <t>ケイ</t>
    </rPh>
    <phoneticPr fontId="2"/>
  </si>
  <si>
    <t xml:space="preserve"> そ の 他</t>
    <rPh sb="5" eb="6">
      <t>ホカ</t>
    </rPh>
    <phoneticPr fontId="2"/>
  </si>
  <si>
    <t>総土地
面積</t>
    <rPh sb="0" eb="1">
      <t>ソウ</t>
    </rPh>
    <rPh sb="1" eb="2">
      <t>ツチ</t>
    </rPh>
    <rPh sb="2" eb="3">
      <t>チ</t>
    </rPh>
    <rPh sb="4" eb="5">
      <t>メン</t>
    </rPh>
    <rPh sb="5" eb="6">
      <t>セキ</t>
    </rPh>
    <phoneticPr fontId="2"/>
  </si>
  <si>
    <t>民有林面積計</t>
    <rPh sb="0" eb="2">
      <t>ミンユウ</t>
    </rPh>
    <rPh sb="2" eb="3">
      <t>ハヤシ</t>
    </rPh>
    <rPh sb="3" eb="5">
      <t>メンセキ</t>
    </rPh>
    <rPh sb="5" eb="6">
      <t>ケイ</t>
    </rPh>
    <phoneticPr fontId="2"/>
  </si>
  <si>
    <t>地域森林計画対象森林　　　　　　　　　　   　　　　</t>
    <rPh sb="0" eb="1">
      <t>チ</t>
    </rPh>
    <rPh sb="1" eb="2">
      <t>イキ</t>
    </rPh>
    <rPh sb="2" eb="3">
      <t>モリ</t>
    </rPh>
    <rPh sb="3" eb="4">
      <t>ハヤシ</t>
    </rPh>
    <rPh sb="4" eb="5">
      <t>ケイ</t>
    </rPh>
    <rPh sb="5" eb="6">
      <t>ガ</t>
    </rPh>
    <rPh sb="6" eb="7">
      <t>タイ</t>
    </rPh>
    <rPh sb="7" eb="8">
      <t>ゾウ</t>
    </rPh>
    <rPh sb="8" eb="10">
      <t>シンリン</t>
    </rPh>
    <phoneticPr fontId="2"/>
  </si>
  <si>
    <t>民有林
面積計</t>
    <rPh sb="0" eb="2">
      <t>ミンユウ</t>
    </rPh>
    <rPh sb="2" eb="3">
      <t>ハヤシ</t>
    </rPh>
    <rPh sb="4" eb="6">
      <t>メンセキ</t>
    </rPh>
    <rPh sb="6" eb="7">
      <t>ケイ</t>
    </rPh>
    <phoneticPr fontId="2"/>
  </si>
  <si>
    <t>国有林面積計</t>
    <rPh sb="0" eb="2">
      <t>コクユウ</t>
    </rPh>
    <rPh sb="2" eb="3">
      <t>ハヤシ</t>
    </rPh>
    <rPh sb="3" eb="4">
      <t>メン</t>
    </rPh>
    <rPh sb="4" eb="5">
      <t>セキ</t>
    </rPh>
    <rPh sb="5" eb="6">
      <t>ケイ</t>
    </rPh>
    <phoneticPr fontId="2"/>
  </si>
  <si>
    <t>国有林
面積計</t>
    <rPh sb="0" eb="2">
      <t>コクユウ</t>
    </rPh>
    <rPh sb="2" eb="3">
      <t>ハヤシ</t>
    </rPh>
    <rPh sb="4" eb="5">
      <t>メン</t>
    </rPh>
    <rPh sb="5" eb="6">
      <t>セキ</t>
    </rPh>
    <rPh sb="6" eb="7">
      <t>ケイ</t>
    </rPh>
    <phoneticPr fontId="2"/>
  </si>
  <si>
    <t>川本</t>
    <rPh sb="0" eb="2">
      <t>カワモト</t>
    </rPh>
    <phoneticPr fontId="2"/>
  </si>
  <si>
    <t>邑智</t>
    <rPh sb="0" eb="2">
      <t>オオチ</t>
    </rPh>
    <phoneticPr fontId="2"/>
  </si>
  <si>
    <t>大和</t>
    <rPh sb="0" eb="2">
      <t>ヤマト</t>
    </rPh>
    <phoneticPr fontId="2"/>
  </si>
  <si>
    <t>羽須美</t>
    <rPh sb="0" eb="3">
      <t>ハスミ</t>
    </rPh>
    <phoneticPr fontId="2"/>
  </si>
  <si>
    <t>瑞穂</t>
    <rPh sb="0" eb="2">
      <t>ミズホ</t>
    </rPh>
    <phoneticPr fontId="2"/>
  </si>
  <si>
    <t>石見</t>
    <rPh sb="0" eb="2">
      <t>イワミ</t>
    </rPh>
    <phoneticPr fontId="2"/>
  </si>
  <si>
    <t>大田</t>
    <rPh sb="0" eb="2">
      <t>オオダ</t>
    </rPh>
    <phoneticPr fontId="2"/>
  </si>
  <si>
    <t>仁摩</t>
    <rPh sb="0" eb="2">
      <t>ニマ</t>
    </rPh>
    <phoneticPr fontId="2"/>
  </si>
  <si>
    <t>温泉津</t>
    <rPh sb="0" eb="3">
      <t>ユノツ</t>
    </rPh>
    <phoneticPr fontId="2"/>
  </si>
  <si>
    <t>浜田</t>
    <rPh sb="0" eb="2">
      <t>ハマダ</t>
    </rPh>
    <phoneticPr fontId="2"/>
  </si>
  <si>
    <t>金城</t>
    <rPh sb="0" eb="2">
      <t>カネシロ</t>
    </rPh>
    <phoneticPr fontId="2"/>
  </si>
  <si>
    <t>旭</t>
    <rPh sb="0" eb="1">
      <t>アサヒ</t>
    </rPh>
    <phoneticPr fontId="2"/>
  </si>
  <si>
    <t>弥栄</t>
    <rPh sb="0" eb="2">
      <t>ヤサカ</t>
    </rPh>
    <phoneticPr fontId="2"/>
  </si>
  <si>
    <t>三隅</t>
    <rPh sb="0" eb="2">
      <t>ミスミ</t>
    </rPh>
    <phoneticPr fontId="2"/>
  </si>
  <si>
    <t>江津</t>
    <rPh sb="0" eb="2">
      <t>ゴウツ</t>
    </rPh>
    <phoneticPr fontId="2"/>
  </si>
  <si>
    <t>桜江</t>
    <rPh sb="0" eb="2">
      <t>サクラエ</t>
    </rPh>
    <phoneticPr fontId="2"/>
  </si>
  <si>
    <t>斐伊川</t>
    <rPh sb="0" eb="3">
      <t>ヒイカワ</t>
    </rPh>
    <phoneticPr fontId="2"/>
  </si>
  <si>
    <t>松江</t>
    <rPh sb="0" eb="2">
      <t>マツエ</t>
    </rPh>
    <phoneticPr fontId="2"/>
  </si>
  <si>
    <t>鹿島</t>
    <rPh sb="0" eb="2">
      <t>カシマ</t>
    </rPh>
    <phoneticPr fontId="2"/>
  </si>
  <si>
    <t>島根</t>
    <rPh sb="0" eb="2">
      <t>シマネ</t>
    </rPh>
    <phoneticPr fontId="2"/>
  </si>
  <si>
    <t>美保関</t>
    <rPh sb="0" eb="3">
      <t>ミホノセキ</t>
    </rPh>
    <phoneticPr fontId="2"/>
  </si>
  <si>
    <t>八雲</t>
    <rPh sb="0" eb="2">
      <t>ヤクモ</t>
    </rPh>
    <phoneticPr fontId="2"/>
  </si>
  <si>
    <t>玉湯</t>
    <rPh sb="0" eb="2">
      <t>タマユ</t>
    </rPh>
    <phoneticPr fontId="2"/>
  </si>
  <si>
    <t>宍道</t>
    <rPh sb="0" eb="2">
      <t>シンジ</t>
    </rPh>
    <phoneticPr fontId="2"/>
  </si>
  <si>
    <t>東出雲</t>
    <rPh sb="0" eb="3">
      <t>ヒガシイズモ</t>
    </rPh>
    <phoneticPr fontId="2"/>
  </si>
  <si>
    <t>安来</t>
    <rPh sb="0" eb="2">
      <t>ヤスギ</t>
    </rPh>
    <phoneticPr fontId="2"/>
  </si>
  <si>
    <t>広瀬</t>
    <rPh sb="0" eb="2">
      <t>ヒロセ</t>
    </rPh>
    <phoneticPr fontId="2"/>
  </si>
  <si>
    <t>伯太</t>
    <rPh sb="0" eb="2">
      <t>ハクタ</t>
    </rPh>
    <phoneticPr fontId="2"/>
  </si>
  <si>
    <t>大東</t>
    <rPh sb="0" eb="2">
      <t>ダイトウ</t>
    </rPh>
    <phoneticPr fontId="2"/>
  </si>
  <si>
    <t>加茂</t>
    <rPh sb="0" eb="2">
      <t>カモ</t>
    </rPh>
    <phoneticPr fontId="2"/>
  </si>
  <si>
    <t>木次</t>
    <rPh sb="0" eb="1">
      <t>キ</t>
    </rPh>
    <rPh sb="1" eb="2">
      <t>ツギ</t>
    </rPh>
    <phoneticPr fontId="2"/>
  </si>
  <si>
    <t>三刀屋</t>
    <rPh sb="0" eb="3">
      <t>ミトヤ</t>
    </rPh>
    <phoneticPr fontId="2"/>
  </si>
  <si>
    <t>吉田</t>
    <rPh sb="0" eb="2">
      <t>ヨシダ</t>
    </rPh>
    <phoneticPr fontId="2"/>
  </si>
  <si>
    <t>掛合</t>
    <rPh sb="0" eb="2">
      <t>カケヤ</t>
    </rPh>
    <phoneticPr fontId="2"/>
  </si>
  <si>
    <t>奥出雲町</t>
    <rPh sb="0" eb="1">
      <t>オク</t>
    </rPh>
    <rPh sb="1" eb="4">
      <t>イズモチョウ</t>
    </rPh>
    <phoneticPr fontId="2"/>
  </si>
  <si>
    <t>仁多</t>
    <rPh sb="0" eb="2">
      <t>ニタ</t>
    </rPh>
    <phoneticPr fontId="2"/>
  </si>
  <si>
    <t>横田</t>
    <rPh sb="0" eb="2">
      <t>ヨコタ</t>
    </rPh>
    <phoneticPr fontId="2"/>
  </si>
  <si>
    <t>頓原</t>
    <rPh sb="0" eb="2">
      <t>トンバラ</t>
    </rPh>
    <phoneticPr fontId="2"/>
  </si>
  <si>
    <t>赤来</t>
    <rPh sb="0" eb="2">
      <t>アカギ</t>
    </rPh>
    <phoneticPr fontId="2"/>
  </si>
  <si>
    <t>出雲</t>
    <rPh sb="0" eb="2">
      <t>イズモ</t>
    </rPh>
    <phoneticPr fontId="2"/>
  </si>
  <si>
    <t>平田</t>
    <rPh sb="0" eb="2">
      <t>ヒラタ</t>
    </rPh>
    <phoneticPr fontId="2"/>
  </si>
  <si>
    <t>佐田</t>
    <rPh sb="0" eb="2">
      <t>サダ</t>
    </rPh>
    <phoneticPr fontId="2"/>
  </si>
  <si>
    <t>多伎</t>
    <rPh sb="0" eb="2">
      <t>タキ</t>
    </rPh>
    <phoneticPr fontId="2"/>
  </si>
  <si>
    <t>湖陵</t>
    <rPh sb="0" eb="2">
      <t>コリョウ</t>
    </rPh>
    <phoneticPr fontId="2"/>
  </si>
  <si>
    <t>大社</t>
    <rPh sb="0" eb="2">
      <t>タイシャ</t>
    </rPh>
    <phoneticPr fontId="2"/>
  </si>
  <si>
    <t>斐川</t>
    <rPh sb="0" eb="2">
      <t>ヒカワ</t>
    </rPh>
    <phoneticPr fontId="2"/>
  </si>
  <si>
    <t>隠岐</t>
    <rPh sb="0" eb="2">
      <t>オキ</t>
    </rPh>
    <phoneticPr fontId="2"/>
  </si>
  <si>
    <t>隠岐の島町</t>
    <rPh sb="0" eb="2">
      <t>オキ</t>
    </rPh>
    <rPh sb="3" eb="4">
      <t>シマ</t>
    </rPh>
    <rPh sb="4" eb="5">
      <t>チョウ</t>
    </rPh>
    <phoneticPr fontId="2"/>
  </si>
  <si>
    <t>海士町</t>
    <rPh sb="0" eb="2">
      <t>アマ</t>
    </rPh>
    <rPh sb="2" eb="3">
      <t>マチ</t>
    </rPh>
    <phoneticPr fontId="2"/>
  </si>
  <si>
    <t>西ノ島町</t>
    <rPh sb="0" eb="3">
      <t>ニシノシマ</t>
    </rPh>
    <rPh sb="3" eb="4">
      <t>マチ</t>
    </rPh>
    <phoneticPr fontId="2"/>
  </si>
  <si>
    <t>知夫村</t>
    <rPh sb="0" eb="2">
      <t>チブ</t>
    </rPh>
    <rPh sb="2" eb="3">
      <t>ムラ</t>
    </rPh>
    <phoneticPr fontId="2"/>
  </si>
  <si>
    <t>西郷</t>
    <rPh sb="0" eb="2">
      <t>サイゴウ</t>
    </rPh>
    <phoneticPr fontId="2"/>
  </si>
  <si>
    <t>布施</t>
    <rPh sb="0" eb="2">
      <t>フセ</t>
    </rPh>
    <phoneticPr fontId="2"/>
  </si>
  <si>
    <t>五箇</t>
    <rPh sb="0" eb="2">
      <t>ゴカ</t>
    </rPh>
    <phoneticPr fontId="2"/>
  </si>
  <si>
    <t>都万</t>
    <rPh sb="0" eb="2">
      <t>ツマ</t>
    </rPh>
    <phoneticPr fontId="2"/>
  </si>
  <si>
    <t>海士</t>
    <rPh sb="0" eb="2">
      <t>アマ</t>
    </rPh>
    <phoneticPr fontId="2"/>
  </si>
  <si>
    <t>西ノ島</t>
    <rPh sb="0" eb="3">
      <t>ニシノシマ</t>
    </rPh>
    <phoneticPr fontId="2"/>
  </si>
  <si>
    <t>知夫</t>
    <rPh sb="0" eb="2">
      <t>チブ</t>
    </rPh>
    <phoneticPr fontId="2"/>
  </si>
  <si>
    <t>益田</t>
    <rPh sb="0" eb="2">
      <t>マスダ</t>
    </rPh>
    <phoneticPr fontId="2"/>
  </si>
  <si>
    <t>美都</t>
    <rPh sb="0" eb="2">
      <t>ミト</t>
    </rPh>
    <phoneticPr fontId="2"/>
  </si>
  <si>
    <t>匹見</t>
    <rPh sb="0" eb="2">
      <t>ヒキミ</t>
    </rPh>
    <phoneticPr fontId="2"/>
  </si>
  <si>
    <t>津和野</t>
    <rPh sb="0" eb="3">
      <t>ツワノ</t>
    </rPh>
    <phoneticPr fontId="2"/>
  </si>
  <si>
    <t>日原</t>
    <rPh sb="0" eb="2">
      <t>ニチハラ</t>
    </rPh>
    <phoneticPr fontId="2"/>
  </si>
  <si>
    <t>柿木</t>
    <rPh sb="0" eb="2">
      <t>カキノキ</t>
    </rPh>
    <phoneticPr fontId="2"/>
  </si>
  <si>
    <t>六日市</t>
    <rPh sb="0" eb="3">
      <t>ムイカイチ</t>
    </rPh>
    <phoneticPr fontId="2"/>
  </si>
  <si>
    <t>高津川</t>
    <rPh sb="0" eb="2">
      <t>タカツ</t>
    </rPh>
    <rPh sb="2" eb="3">
      <t>ガワ</t>
    </rPh>
    <phoneticPr fontId="2"/>
  </si>
  <si>
    <t>県計</t>
    <rPh sb="0" eb="1">
      <t>ケン</t>
    </rPh>
    <rPh sb="1" eb="2">
      <t>ケイ</t>
    </rPh>
    <phoneticPr fontId="2"/>
  </si>
  <si>
    <t>その他</t>
    <rPh sb="2" eb="3">
      <t>ホカ</t>
    </rPh>
    <phoneticPr fontId="2"/>
  </si>
  <si>
    <t>総土地 面積</t>
    <rPh sb="0" eb="1">
      <t>ソウ</t>
    </rPh>
    <rPh sb="1" eb="2">
      <t>ツチ</t>
    </rPh>
    <rPh sb="2" eb="3">
      <t>チ</t>
    </rPh>
    <rPh sb="4" eb="5">
      <t>メン</t>
    </rPh>
    <rPh sb="5" eb="6">
      <t>セキ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41" formatCode="_ * #,##0_ ;_ * \-#,##0_ ;_ * &quot;-&quot;_ ;_ @_ "/>
    <numFmt numFmtId="180" formatCode="#,##0_ "/>
    <numFmt numFmtId="183" formatCode="#,##0_);\(#,##0\)"/>
    <numFmt numFmtId="193" formatCode="0_);[Red]\(0\)"/>
    <numFmt numFmtId="200" formatCode="\(#,##0\)"/>
    <numFmt numFmtId="211" formatCode="0_ "/>
    <numFmt numFmtId="212" formatCode="\(###0\)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6">
    <xf numFmtId="0" fontId="0" fillId="0" borderId="0"/>
    <xf numFmtId="38" fontId="1" fillId="0" borderId="0" applyFont="0" applyFill="0" applyBorder="0" applyAlignment="0" applyProtection="0"/>
    <xf numFmtId="0" fontId="7" fillId="0" borderId="0">
      <alignment vertical="center"/>
    </xf>
    <xf numFmtId="0" fontId="3" fillId="0" borderId="0">
      <alignment vertical="center"/>
    </xf>
    <xf numFmtId="0" fontId="3" fillId="0" borderId="0"/>
    <xf numFmtId="0" fontId="9" fillId="0" borderId="0">
      <alignment vertical="center"/>
    </xf>
  </cellStyleXfs>
  <cellXfs count="108">
    <xf numFmtId="0" fontId="0" fillId="0" borderId="0" xfId="0"/>
    <xf numFmtId="0" fontId="5" fillId="0" borderId="0" xfId="0" applyFont="1" applyAlignment="1">
      <alignment vertical="center"/>
    </xf>
    <xf numFmtId="41" fontId="6" fillId="0" borderId="1" xfId="1" applyNumberFormat="1" applyFont="1" applyBorder="1"/>
    <xf numFmtId="41" fontId="6" fillId="0" borderId="2" xfId="1" applyNumberFormat="1" applyFont="1" applyBorder="1"/>
    <xf numFmtId="41" fontId="6" fillId="0" borderId="3" xfId="1" applyNumberFormat="1" applyFont="1" applyBorder="1"/>
    <xf numFmtId="41" fontId="6" fillId="0" borderId="4" xfId="1" applyNumberFormat="1" applyFont="1" applyBorder="1"/>
    <xf numFmtId="41" fontId="6" fillId="0" borderId="5" xfId="1" applyNumberFormat="1" applyFont="1" applyBorder="1"/>
    <xf numFmtId="41" fontId="6" fillId="0" borderId="6" xfId="1" applyNumberFormat="1" applyFont="1" applyBorder="1"/>
    <xf numFmtId="41" fontId="6" fillId="0" borderId="7" xfId="1" applyNumberFormat="1" applyFont="1" applyBorder="1"/>
    <xf numFmtId="41" fontId="6" fillId="0" borderId="8" xfId="1" applyNumberFormat="1" applyFont="1" applyBorder="1"/>
    <xf numFmtId="41" fontId="6" fillId="0" borderId="9" xfId="1" applyNumberFormat="1" applyFont="1" applyBorder="1"/>
    <xf numFmtId="41" fontId="6" fillId="0" borderId="10" xfId="1" applyNumberFormat="1" applyFont="1" applyBorder="1"/>
    <xf numFmtId="0" fontId="5" fillId="0" borderId="0" xfId="0" applyFont="1" applyAlignment="1">
      <alignment horizontal="right" vertical="center"/>
    </xf>
    <xf numFmtId="41" fontId="6" fillId="0" borderId="3" xfId="1" applyNumberFormat="1" applyFont="1" applyBorder="1" applyAlignment="1">
      <alignment horizontal="right"/>
    </xf>
    <xf numFmtId="41" fontId="6" fillId="0" borderId="6" xfId="1" applyNumberFormat="1" applyFont="1" applyBorder="1" applyAlignment="1">
      <alignment horizontal="right"/>
    </xf>
    <xf numFmtId="41" fontId="6" fillId="0" borderId="7" xfId="1" applyNumberFormat="1" applyFont="1" applyBorder="1" applyAlignment="1">
      <alignment horizontal="right"/>
    </xf>
    <xf numFmtId="41" fontId="6" fillId="0" borderId="5" xfId="1" applyNumberFormat="1" applyFont="1" applyBorder="1" applyAlignment="1">
      <alignment horizontal="right"/>
    </xf>
    <xf numFmtId="41" fontId="6" fillId="0" borderId="8" xfId="1" applyNumberFormat="1" applyFont="1" applyBorder="1" applyAlignment="1">
      <alignment horizontal="right"/>
    </xf>
    <xf numFmtId="41" fontId="6" fillId="0" borderId="2" xfId="1" applyNumberFormat="1" applyFont="1" applyBorder="1" applyAlignment="1">
      <alignment horizontal="right"/>
    </xf>
    <xf numFmtId="41" fontId="6" fillId="0" borderId="9" xfId="1" applyNumberFormat="1" applyFont="1" applyBorder="1" applyAlignment="1">
      <alignment horizontal="right"/>
    </xf>
    <xf numFmtId="41" fontId="6" fillId="0" borderId="1" xfId="1" applyNumberFormat="1" applyFont="1" applyBorder="1" applyAlignment="1">
      <alignment horizontal="right"/>
    </xf>
    <xf numFmtId="41" fontId="6" fillId="0" borderId="4" xfId="1" applyNumberFormat="1" applyFont="1" applyBorder="1" applyAlignment="1">
      <alignment horizontal="right"/>
    </xf>
    <xf numFmtId="41" fontId="6" fillId="0" borderId="10" xfId="1" applyNumberFormat="1" applyFont="1" applyBorder="1" applyAlignment="1">
      <alignment horizontal="right"/>
    </xf>
    <xf numFmtId="0" fontId="6" fillId="0" borderId="0" xfId="0" applyFont="1" applyAlignment="1">
      <alignment vertical="center"/>
    </xf>
    <xf numFmtId="183" fontId="6" fillId="0" borderId="1" xfId="0" applyNumberFormat="1" applyFont="1" applyBorder="1" applyAlignment="1">
      <alignment horizontal="center" vertical="center" wrapText="1"/>
    </xf>
    <xf numFmtId="183" fontId="6" fillId="0" borderId="1" xfId="0" applyNumberFormat="1" applyFont="1" applyFill="1" applyBorder="1" applyAlignment="1">
      <alignment horizontal="center" vertical="center" wrapText="1"/>
    </xf>
    <xf numFmtId="183" fontId="6" fillId="0" borderId="9" xfId="0" applyNumberFormat="1" applyFont="1" applyBorder="1" applyAlignment="1">
      <alignment horizontal="center" vertical="center" wrapText="1"/>
    </xf>
    <xf numFmtId="0" fontId="6" fillId="0" borderId="0" xfId="0" applyFont="1" applyAlignment="1">
      <alignment horizontal="distributed" vertical="center"/>
    </xf>
    <xf numFmtId="200" fontId="6" fillId="0" borderId="9" xfId="1" applyNumberFormat="1" applyFont="1" applyBorder="1"/>
    <xf numFmtId="200" fontId="6" fillId="0" borderId="7" xfId="1" applyNumberFormat="1" applyFont="1" applyBorder="1"/>
    <xf numFmtId="200" fontId="6" fillId="0" borderId="6" xfId="1" applyNumberFormat="1" applyFont="1" applyBorder="1"/>
    <xf numFmtId="200" fontId="6" fillId="0" borderId="6" xfId="1" applyNumberFormat="1" applyFont="1" applyBorder="1" applyAlignment="1">
      <alignment horizontal="right"/>
    </xf>
    <xf numFmtId="200" fontId="6" fillId="0" borderId="7" xfId="1" applyNumberFormat="1" applyFont="1" applyBorder="1" applyAlignment="1">
      <alignment horizontal="right"/>
    </xf>
    <xf numFmtId="200" fontId="6" fillId="0" borderId="2" xfId="1" applyNumberFormat="1" applyFont="1" applyBorder="1"/>
    <xf numFmtId="0" fontId="4" fillId="0" borderId="0" xfId="0" applyFont="1" applyAlignment="1">
      <alignment horizontal="right"/>
    </xf>
    <xf numFmtId="183" fontId="5" fillId="0" borderId="1" xfId="0" applyNumberFormat="1" applyFont="1" applyFill="1" applyBorder="1" applyAlignment="1">
      <alignment horizontal="center" vertical="center" textRotation="255" wrapText="1"/>
    </xf>
    <xf numFmtId="183" fontId="6" fillId="0" borderId="9" xfId="0" applyNumberFormat="1" applyFont="1" applyBorder="1" applyAlignment="1">
      <alignment vertical="center" textRotation="255" wrapText="1"/>
    </xf>
    <xf numFmtId="183" fontId="6" fillId="0" borderId="7" xfId="0" applyNumberFormat="1" applyFont="1" applyBorder="1" applyAlignment="1">
      <alignment vertical="center" textRotation="255" wrapText="1"/>
    </xf>
    <xf numFmtId="0" fontId="4" fillId="0" borderId="2" xfId="0" applyFont="1" applyBorder="1" applyAlignment="1">
      <alignment vertical="center" shrinkToFit="1"/>
    </xf>
    <xf numFmtId="49" fontId="6" fillId="0" borderId="11" xfId="0" applyNumberFormat="1" applyFont="1" applyBorder="1" applyAlignment="1">
      <alignment vertical="center" wrapText="1"/>
    </xf>
    <xf numFmtId="0" fontId="4" fillId="0" borderId="1" xfId="0" applyFont="1" applyBorder="1" applyAlignment="1">
      <alignment vertical="center" shrinkToFit="1"/>
    </xf>
    <xf numFmtId="211" fontId="4" fillId="0" borderId="9" xfId="0" applyNumberFormat="1" applyFont="1" applyBorder="1" applyAlignment="1">
      <alignment horizontal="center" vertical="center"/>
    </xf>
    <xf numFmtId="211" fontId="4" fillId="0" borderId="6" xfId="0" applyNumberFormat="1" applyFont="1" applyBorder="1" applyAlignment="1">
      <alignment horizontal="center" vertical="center"/>
    </xf>
    <xf numFmtId="211" fontId="4" fillId="0" borderId="7" xfId="0" applyNumberFormat="1" applyFont="1" applyBorder="1" applyAlignment="1">
      <alignment horizontal="center" vertical="center"/>
    </xf>
    <xf numFmtId="211" fontId="4" fillId="0" borderId="5" xfId="0" applyNumberFormat="1" applyFont="1" applyBorder="1" applyAlignment="1">
      <alignment horizontal="center" vertical="center"/>
    </xf>
    <xf numFmtId="211" fontId="4" fillId="0" borderId="8" xfId="0" applyNumberFormat="1" applyFont="1" applyBorder="1" applyAlignment="1">
      <alignment horizontal="center" vertical="center"/>
    </xf>
    <xf numFmtId="180" fontId="6" fillId="0" borderId="2" xfId="0" applyNumberFormat="1" applyFont="1" applyFill="1" applyBorder="1" applyAlignment="1">
      <alignment vertical="center" shrinkToFit="1"/>
    </xf>
    <xf numFmtId="0" fontId="4" fillId="0" borderId="1" xfId="0" applyFont="1" applyBorder="1" applyAlignment="1">
      <alignment horizontal="center" vertical="center"/>
    </xf>
    <xf numFmtId="183" fontId="6" fillId="0" borderId="1" xfId="0" applyNumberFormat="1" applyFont="1" applyBorder="1" applyAlignment="1">
      <alignment vertical="center" wrapText="1"/>
    </xf>
    <xf numFmtId="183" fontId="6" fillId="0" borderId="1" xfId="0" applyNumberFormat="1" applyFont="1" applyBorder="1" applyAlignment="1">
      <alignment vertical="center"/>
    </xf>
    <xf numFmtId="183" fontId="8" fillId="0" borderId="1" xfId="0" applyNumberFormat="1" applyFont="1" applyBorder="1" applyAlignment="1">
      <alignment vertical="center" wrapText="1"/>
    </xf>
    <xf numFmtId="183" fontId="8" fillId="0" borderId="1" xfId="0" applyNumberFormat="1" applyFont="1" applyFill="1" applyBorder="1" applyAlignment="1">
      <alignment vertical="center"/>
    </xf>
    <xf numFmtId="183" fontId="8" fillId="0" borderId="1" xfId="0" applyNumberFormat="1" applyFont="1" applyBorder="1" applyAlignment="1">
      <alignment horizontal="center" vertical="center"/>
    </xf>
    <xf numFmtId="183" fontId="8" fillId="0" borderId="1" xfId="0" applyNumberFormat="1" applyFont="1" applyFill="1" applyBorder="1" applyAlignment="1">
      <alignment horizontal="center" vertical="center"/>
    </xf>
    <xf numFmtId="183" fontId="8" fillId="0" borderId="1" xfId="0" applyNumberFormat="1" applyFont="1" applyBorder="1" applyAlignment="1">
      <alignment vertical="top" wrapText="1"/>
    </xf>
    <xf numFmtId="183" fontId="8" fillId="0" borderId="1" xfId="0" applyNumberFormat="1" applyFont="1" applyFill="1" applyBorder="1" applyAlignment="1">
      <alignment vertical="center" wrapText="1"/>
    </xf>
    <xf numFmtId="183" fontId="8" fillId="0" borderId="1" xfId="0" applyNumberFormat="1" applyFont="1" applyFill="1" applyBorder="1" applyAlignment="1">
      <alignment vertical="center" textRotation="255" shrinkToFit="1"/>
    </xf>
    <xf numFmtId="183" fontId="8" fillId="0" borderId="2" xfId="0" applyNumberFormat="1" applyFont="1" applyBorder="1" applyAlignment="1">
      <alignment horizontal="center" vertical="center" wrapText="1"/>
    </xf>
    <xf numFmtId="183" fontId="8" fillId="0" borderId="1" xfId="0" applyNumberFormat="1" applyFont="1" applyBorder="1" applyAlignment="1">
      <alignment vertical="center" textRotation="255" shrinkToFit="1"/>
    </xf>
    <xf numFmtId="183" fontId="8" fillId="0" borderId="1" xfId="0" applyNumberFormat="1" applyFont="1" applyBorder="1" applyAlignment="1">
      <alignment vertical="center" textRotation="255" wrapText="1"/>
    </xf>
    <xf numFmtId="183" fontId="5" fillId="0" borderId="1" xfId="0" applyNumberFormat="1" applyFont="1" applyBorder="1" applyAlignment="1">
      <alignment vertical="center" textRotation="255"/>
    </xf>
    <xf numFmtId="183" fontId="6" fillId="0" borderId="1" xfId="0" applyNumberFormat="1" applyFont="1" applyBorder="1" applyAlignment="1">
      <alignment vertical="center" textRotation="255" wrapText="1"/>
    </xf>
    <xf numFmtId="183" fontId="5" fillId="0" borderId="12" xfId="0" applyNumberFormat="1" applyFont="1" applyFill="1" applyBorder="1" applyAlignment="1">
      <alignment vertical="center" wrapText="1"/>
    </xf>
    <xf numFmtId="183" fontId="8" fillId="0" borderId="9" xfId="0" applyNumberFormat="1" applyFont="1" applyBorder="1" applyAlignment="1">
      <alignment vertical="center" textRotation="255" shrinkToFit="1"/>
    </xf>
    <xf numFmtId="180" fontId="4" fillId="0" borderId="2" xfId="0" applyNumberFormat="1" applyFont="1" applyFill="1" applyBorder="1" applyAlignment="1">
      <alignment vertical="center" shrinkToFit="1"/>
    </xf>
    <xf numFmtId="0" fontId="4" fillId="0" borderId="7" xfId="0" applyFont="1" applyBorder="1" applyAlignment="1">
      <alignment horizontal="center" vertical="center"/>
    </xf>
    <xf numFmtId="211" fontId="4" fillId="0" borderId="11" xfId="0" applyNumberFormat="1" applyFont="1" applyBorder="1" applyAlignment="1">
      <alignment vertical="center"/>
    </xf>
    <xf numFmtId="180" fontId="6" fillId="0" borderId="2" xfId="0" applyNumberFormat="1" applyFont="1" applyFill="1" applyBorder="1" applyAlignment="1">
      <alignment horizontal="center" vertical="center"/>
    </xf>
    <xf numFmtId="0" fontId="6" fillId="0" borderId="11" xfId="0" applyFont="1" applyBorder="1" applyAlignment="1">
      <alignment vertical="center" textRotation="255" wrapText="1"/>
    </xf>
    <xf numFmtId="180" fontId="6" fillId="0" borderId="13" xfId="0" applyNumberFormat="1" applyFont="1" applyFill="1" applyBorder="1" applyAlignment="1">
      <alignment vertical="center"/>
    </xf>
    <xf numFmtId="180" fontId="6" fillId="0" borderId="1" xfId="0" applyNumberFormat="1" applyFont="1" applyFill="1" applyBorder="1" applyAlignment="1">
      <alignment vertical="center"/>
    </xf>
    <xf numFmtId="0" fontId="4" fillId="0" borderId="8" xfId="0" applyFont="1" applyBorder="1" applyAlignment="1">
      <alignment horizontal="center" vertical="center"/>
    </xf>
    <xf numFmtId="211" fontId="4" fillId="0" borderId="9" xfId="0" applyNumberFormat="1" applyFont="1" applyBorder="1" applyAlignment="1">
      <alignment horizontal="center" vertical="center" wrapText="1"/>
    </xf>
    <xf numFmtId="211" fontId="4" fillId="0" borderId="13" xfId="0" applyNumberFormat="1" applyFont="1" applyBorder="1" applyAlignment="1">
      <alignment horizontal="left" vertical="center"/>
    </xf>
    <xf numFmtId="0" fontId="6" fillId="0" borderId="11" xfId="0" applyFont="1" applyBorder="1" applyAlignment="1">
      <alignment vertical="center" wrapText="1"/>
    </xf>
    <xf numFmtId="0" fontId="4" fillId="0" borderId="1" xfId="0" applyFont="1" applyBorder="1" applyAlignment="1">
      <alignment horizontal="center" vertical="center" shrinkToFit="1"/>
    </xf>
    <xf numFmtId="211" fontId="4" fillId="0" borderId="4" xfId="0" applyNumberFormat="1" applyFont="1" applyBorder="1" applyAlignment="1">
      <alignment horizontal="center" vertical="center"/>
    </xf>
    <xf numFmtId="211" fontId="4" fillId="0" borderId="10" xfId="0" applyNumberFormat="1" applyFont="1" applyBorder="1" applyAlignment="1">
      <alignment horizontal="center" vertical="center"/>
    </xf>
    <xf numFmtId="180" fontId="6" fillId="0" borderId="1" xfId="0" applyNumberFormat="1" applyFont="1" applyFill="1" applyBorder="1" applyAlignment="1">
      <alignment vertical="center" shrinkToFit="1"/>
    </xf>
    <xf numFmtId="0" fontId="4" fillId="0" borderId="5" xfId="0" applyFont="1" applyBorder="1" applyAlignment="1">
      <alignment horizontal="center" vertical="center"/>
    </xf>
    <xf numFmtId="211" fontId="4" fillId="0" borderId="2" xfId="0" applyNumberFormat="1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183" fontId="6" fillId="0" borderId="13" xfId="0" applyNumberFormat="1" applyFont="1" applyBorder="1" applyAlignment="1"/>
    <xf numFmtId="0" fontId="4" fillId="0" borderId="12" xfId="0" applyFont="1" applyBorder="1" applyAlignment="1">
      <alignment horizontal="center" vertical="center" textRotation="255"/>
    </xf>
    <xf numFmtId="211" fontId="4" fillId="0" borderId="14" xfId="0" applyNumberFormat="1" applyFont="1" applyBorder="1" applyAlignment="1">
      <alignment vertical="center"/>
    </xf>
    <xf numFmtId="211" fontId="4" fillId="0" borderId="12" xfId="0" applyNumberFormat="1" applyFont="1" applyBorder="1" applyAlignment="1">
      <alignment vertical="center"/>
    </xf>
    <xf numFmtId="211" fontId="6" fillId="0" borderId="3" xfId="1" applyNumberFormat="1" applyFont="1" applyBorder="1"/>
    <xf numFmtId="211" fontId="6" fillId="0" borderId="6" xfId="1" applyNumberFormat="1" applyFont="1" applyBorder="1"/>
    <xf numFmtId="211" fontId="6" fillId="0" borderId="7" xfId="1" applyNumberFormat="1" applyFont="1" applyBorder="1"/>
    <xf numFmtId="211" fontId="6" fillId="0" borderId="5" xfId="1" applyNumberFormat="1" applyFont="1" applyBorder="1"/>
    <xf numFmtId="211" fontId="6" fillId="0" borderId="8" xfId="1" applyNumberFormat="1" applyFont="1" applyBorder="1"/>
    <xf numFmtId="211" fontId="6" fillId="0" borderId="2" xfId="1" applyNumberFormat="1" applyFont="1" applyBorder="1"/>
    <xf numFmtId="211" fontId="6" fillId="0" borderId="9" xfId="1" applyNumberFormat="1" applyFont="1" applyBorder="1"/>
    <xf numFmtId="211" fontId="6" fillId="0" borderId="1" xfId="1" applyNumberFormat="1" applyFont="1" applyBorder="1"/>
    <xf numFmtId="193" fontId="6" fillId="0" borderId="3" xfId="1" applyNumberFormat="1" applyFont="1" applyBorder="1"/>
    <xf numFmtId="193" fontId="6" fillId="0" borderId="6" xfId="1" applyNumberFormat="1" applyFont="1" applyBorder="1"/>
    <xf numFmtId="193" fontId="6" fillId="0" borderId="7" xfId="1" applyNumberFormat="1" applyFont="1" applyBorder="1"/>
    <xf numFmtId="193" fontId="6" fillId="0" borderId="5" xfId="1" applyNumberFormat="1" applyFont="1" applyBorder="1"/>
    <xf numFmtId="193" fontId="6" fillId="0" borderId="8" xfId="1" applyNumberFormat="1" applyFont="1" applyBorder="1"/>
    <xf numFmtId="193" fontId="6" fillId="0" borderId="2" xfId="1" applyNumberFormat="1" applyFont="1" applyBorder="1"/>
    <xf numFmtId="193" fontId="6" fillId="0" borderId="9" xfId="1" applyNumberFormat="1" applyFont="1" applyBorder="1"/>
    <xf numFmtId="193" fontId="6" fillId="0" borderId="1" xfId="1" applyNumberFormat="1" applyFont="1" applyBorder="1"/>
    <xf numFmtId="211" fontId="6" fillId="0" borderId="4" xfId="1" applyNumberFormat="1" applyFont="1" applyBorder="1"/>
    <xf numFmtId="211" fontId="6" fillId="0" borderId="10" xfId="1" applyNumberFormat="1" applyFont="1" applyBorder="1"/>
    <xf numFmtId="212" fontId="6" fillId="0" borderId="6" xfId="1" applyNumberFormat="1" applyFont="1" applyBorder="1"/>
    <xf numFmtId="212" fontId="6" fillId="0" borderId="7" xfId="1" applyNumberFormat="1" applyFont="1" applyBorder="1"/>
    <xf numFmtId="212" fontId="6" fillId="0" borderId="9" xfId="1" applyNumberFormat="1" applyFont="1" applyBorder="1"/>
    <xf numFmtId="212" fontId="6" fillId="0" borderId="2" xfId="1" applyNumberFormat="1" applyFont="1" applyBorder="1"/>
  </cellXfs>
  <cellStyles count="6">
    <cellStyle name="桁区切り" xfId="1" builtinId="6"/>
    <cellStyle name="標準" xfId="0" builtinId="0"/>
    <cellStyle name="標準 2" xfId="2"/>
    <cellStyle name="標準 2 2" xfId="3"/>
    <cellStyle name="標準 2_第１巻_表頭_CD-ROM収録" xfId="4"/>
    <cellStyle name="標準 3" xf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tabColor indexed="10"/>
  </sheetPr>
  <dimension ref="A1:Z88"/>
  <sheetViews>
    <sheetView tabSelected="1" view="pageBreakPreview" zoomScaleNormal="100" zoomScaleSheetLayoutView="100" workbookViewId="0"/>
  </sheetViews>
  <sheetFormatPr defaultRowHeight="10.5" x14ac:dyDescent="0.15"/>
  <cols>
    <col min="1" max="1" width="2.625" style="23" customWidth="1"/>
    <col min="2" max="2" width="7.75" style="23" customWidth="1"/>
    <col min="3" max="3" width="6.375" style="27" customWidth="1"/>
    <col min="4" max="5" width="6.875" style="1" customWidth="1"/>
    <col min="6" max="6" width="6.625" style="12" customWidth="1"/>
    <col min="7" max="7" width="6.875" style="1" customWidth="1"/>
    <col min="8" max="10" width="6.625" style="1" customWidth="1"/>
    <col min="11" max="11" width="6.875" style="1" customWidth="1"/>
    <col min="12" max="16" width="6.625" style="1" customWidth="1"/>
    <col min="17" max="18" width="8.25" style="1" bestFit="1" customWidth="1"/>
    <col min="19" max="19" width="6.625" style="12" customWidth="1"/>
    <col min="20" max="20" width="9.125" style="1" customWidth="1"/>
    <col min="21" max="21" width="9.75" style="1" customWidth="1"/>
    <col min="22" max="24" width="6.625" style="1" customWidth="1"/>
    <col min="25" max="25" width="7.375" style="1" customWidth="1"/>
    <col min="26" max="26" width="7.75" style="1" customWidth="1"/>
    <col min="27" max="16384" width="9" style="1"/>
  </cols>
  <sheetData>
    <row r="1" spans="1:26" ht="26.25" customHeight="1" x14ac:dyDescent="0.15">
      <c r="Z1" s="34"/>
    </row>
    <row r="2" spans="1:26" ht="24.95" customHeight="1" x14ac:dyDescent="0.15">
      <c r="A2" s="36"/>
      <c r="B2" s="36"/>
      <c r="C2" s="49"/>
      <c r="D2" s="52" t="s">
        <v>41</v>
      </c>
      <c r="E2" s="52" t="s">
        <v>41</v>
      </c>
      <c r="F2" s="52" t="s">
        <v>41</v>
      </c>
      <c r="G2" s="52" t="s">
        <v>41</v>
      </c>
      <c r="H2" s="52" t="s">
        <v>41</v>
      </c>
      <c r="I2" s="52" t="s">
        <v>41</v>
      </c>
      <c r="J2" s="52" t="s">
        <v>41</v>
      </c>
      <c r="K2" s="52" t="s">
        <v>41</v>
      </c>
      <c r="L2" s="52" t="s">
        <v>41</v>
      </c>
      <c r="M2" s="52" t="s">
        <v>41</v>
      </c>
      <c r="N2" s="52" t="s">
        <v>41</v>
      </c>
      <c r="O2" s="52" t="s">
        <v>41</v>
      </c>
      <c r="P2" s="52" t="s">
        <v>41</v>
      </c>
      <c r="Q2" s="52" t="s">
        <v>41</v>
      </c>
      <c r="R2" s="52" t="s">
        <v>41</v>
      </c>
      <c r="S2" s="52" t="s">
        <v>41</v>
      </c>
      <c r="T2" s="52" t="s">
        <v>41</v>
      </c>
      <c r="U2" s="52" t="s">
        <v>41</v>
      </c>
      <c r="V2" s="52" t="s">
        <v>42</v>
      </c>
      <c r="W2" s="52" t="s">
        <v>42</v>
      </c>
      <c r="X2" s="52" t="s">
        <v>42</v>
      </c>
      <c r="Y2" s="52" t="s">
        <v>121</v>
      </c>
      <c r="Z2" s="54" t="s">
        <v>122</v>
      </c>
    </row>
    <row r="3" spans="1:26" ht="24.95" customHeight="1" x14ac:dyDescent="0.15">
      <c r="A3" s="37"/>
      <c r="B3" s="37"/>
      <c r="C3" s="48"/>
      <c r="D3" s="48" t="s">
        <v>0</v>
      </c>
      <c r="E3" s="48" t="s">
        <v>0</v>
      </c>
      <c r="F3" s="48" t="s">
        <v>0</v>
      </c>
      <c r="G3" s="48" t="s">
        <v>0</v>
      </c>
      <c r="H3" s="51" t="s">
        <v>40</v>
      </c>
      <c r="I3" s="51" t="s">
        <v>40</v>
      </c>
      <c r="J3" s="51" t="s">
        <v>40</v>
      </c>
      <c r="K3" s="51" t="s">
        <v>40</v>
      </c>
      <c r="L3" s="51" t="s">
        <v>40</v>
      </c>
      <c r="M3" s="51" t="s">
        <v>40</v>
      </c>
      <c r="N3" s="51" t="s">
        <v>40</v>
      </c>
      <c r="O3" s="51" t="s">
        <v>40</v>
      </c>
      <c r="P3" s="51" t="s">
        <v>40</v>
      </c>
      <c r="Q3" s="51" t="s">
        <v>40</v>
      </c>
      <c r="R3" s="51" t="s">
        <v>40</v>
      </c>
      <c r="S3" s="51" t="s">
        <v>40</v>
      </c>
      <c r="T3" s="53" t="s">
        <v>40</v>
      </c>
      <c r="U3" s="55" t="s">
        <v>43</v>
      </c>
      <c r="V3" s="52" t="s">
        <v>44</v>
      </c>
      <c r="W3" s="54" t="s">
        <v>45</v>
      </c>
      <c r="X3" s="54" t="s">
        <v>46</v>
      </c>
      <c r="Y3" s="52" t="s">
        <v>121</v>
      </c>
      <c r="Z3" s="54" t="s">
        <v>122</v>
      </c>
    </row>
    <row r="4" spans="1:26" ht="24.95" customHeight="1" x14ac:dyDescent="0.15">
      <c r="A4" s="37"/>
      <c r="B4" s="37"/>
      <c r="C4" s="48"/>
      <c r="D4" s="48" t="s">
        <v>2</v>
      </c>
      <c r="E4" s="48" t="s">
        <v>2</v>
      </c>
      <c r="F4" s="48" t="s">
        <v>39</v>
      </c>
      <c r="G4" s="50" t="s">
        <v>52</v>
      </c>
      <c r="H4" s="62" t="s">
        <v>50</v>
      </c>
      <c r="I4" s="62" t="s">
        <v>50</v>
      </c>
      <c r="J4" s="62" t="s">
        <v>50</v>
      </c>
      <c r="K4" s="62" t="s">
        <v>50</v>
      </c>
      <c r="L4" s="62" t="s">
        <v>50</v>
      </c>
      <c r="M4" s="62" t="s">
        <v>50</v>
      </c>
      <c r="N4" s="62" t="s">
        <v>50</v>
      </c>
      <c r="O4" s="62" t="s">
        <v>50</v>
      </c>
      <c r="P4" s="62" t="s">
        <v>50</v>
      </c>
      <c r="Q4" s="62" t="s">
        <v>50</v>
      </c>
      <c r="R4" s="62" t="s">
        <v>50</v>
      </c>
      <c r="S4" s="48" t="s">
        <v>32</v>
      </c>
      <c r="T4" s="54" t="s">
        <v>49</v>
      </c>
      <c r="U4" s="55" t="s">
        <v>43</v>
      </c>
      <c r="V4" s="52" t="s">
        <v>44</v>
      </c>
      <c r="W4" s="54" t="s">
        <v>45</v>
      </c>
      <c r="X4" s="54" t="s">
        <v>46</v>
      </c>
      <c r="Y4" s="52" t="s">
        <v>121</v>
      </c>
      <c r="Z4" s="54" t="s">
        <v>122</v>
      </c>
    </row>
    <row r="5" spans="1:26" ht="50.1" customHeight="1" x14ac:dyDescent="0.15">
      <c r="A5" s="38" t="s">
        <v>35</v>
      </c>
      <c r="B5" s="47" t="s">
        <v>3</v>
      </c>
      <c r="C5" s="49" t="s">
        <v>38</v>
      </c>
      <c r="D5" s="24" t="s">
        <v>14</v>
      </c>
      <c r="E5" s="24" t="s">
        <v>15</v>
      </c>
      <c r="F5" s="48" t="s">
        <v>39</v>
      </c>
      <c r="G5" s="59" t="s">
        <v>53</v>
      </c>
      <c r="H5" s="25" t="s">
        <v>13</v>
      </c>
      <c r="I5" s="25" t="s">
        <v>12</v>
      </c>
      <c r="J5" s="25" t="s">
        <v>11</v>
      </c>
      <c r="K5" s="25" t="s">
        <v>10</v>
      </c>
      <c r="L5" s="35" t="s">
        <v>34</v>
      </c>
      <c r="M5" s="25" t="s">
        <v>9</v>
      </c>
      <c r="N5" s="25" t="s">
        <v>8</v>
      </c>
      <c r="O5" s="25" t="s">
        <v>7</v>
      </c>
      <c r="P5" s="25" t="s">
        <v>5</v>
      </c>
      <c r="Q5" s="25" t="s">
        <v>6</v>
      </c>
      <c r="R5" s="26" t="s">
        <v>1</v>
      </c>
      <c r="S5" s="63" t="s">
        <v>32</v>
      </c>
      <c r="T5" s="59" t="s">
        <v>51</v>
      </c>
      <c r="U5" s="56" t="s">
        <v>43</v>
      </c>
      <c r="V5" s="57" t="s">
        <v>44</v>
      </c>
      <c r="W5" s="58" t="s">
        <v>45</v>
      </c>
      <c r="X5" s="60" t="s">
        <v>46</v>
      </c>
      <c r="Y5" s="58" t="s">
        <v>47</v>
      </c>
      <c r="Z5" s="61" t="s">
        <v>48</v>
      </c>
    </row>
    <row r="6" spans="1:26" ht="15" customHeight="1" x14ac:dyDescent="0.15">
      <c r="A6" s="40" t="s">
        <v>36</v>
      </c>
      <c r="B6" s="41" t="s">
        <v>17</v>
      </c>
      <c r="C6" s="41" t="s">
        <v>54</v>
      </c>
      <c r="D6" s="86">
        <v>1240.6499999999999</v>
      </c>
      <c r="E6" s="4">
        <v>9.4700000000000006</v>
      </c>
      <c r="F6" s="13">
        <v>0</v>
      </c>
      <c r="G6" s="94">
        <v>1250.1199999999999</v>
      </c>
      <c r="H6" s="4">
        <v>52.389999999999993</v>
      </c>
      <c r="I6" s="86">
        <v>460.78000000000009</v>
      </c>
      <c r="J6" s="4">
        <v>0</v>
      </c>
      <c r="K6" s="86">
        <v>619.04000000000008</v>
      </c>
      <c r="L6" s="86">
        <v>86.87</v>
      </c>
      <c r="M6" s="86">
        <v>192.76000000000002</v>
      </c>
      <c r="N6" s="86">
        <v>388.46000000000004</v>
      </c>
      <c r="O6" s="86">
        <v>33.630000000000003</v>
      </c>
      <c r="P6" s="86">
        <v>175.03999999999996</v>
      </c>
      <c r="Q6" s="86">
        <v>5739.3899999999994</v>
      </c>
      <c r="R6" s="86">
        <v>7748.36</v>
      </c>
      <c r="S6" s="13" t="s">
        <v>4</v>
      </c>
      <c r="T6" s="86">
        <v>7748.36</v>
      </c>
      <c r="U6" s="86">
        <v>8998.48</v>
      </c>
      <c r="V6" s="94">
        <v>180</v>
      </c>
      <c r="W6" s="94">
        <v>28</v>
      </c>
      <c r="X6" s="94">
        <v>208</v>
      </c>
      <c r="Y6" s="94">
        <v>1436.5200000000004</v>
      </c>
      <c r="Z6" s="94">
        <v>10643</v>
      </c>
    </row>
    <row r="7" spans="1:26" ht="15" customHeight="1" x14ac:dyDescent="0.15">
      <c r="A7" s="40" t="s">
        <v>36</v>
      </c>
      <c r="B7" s="42" t="s">
        <v>18</v>
      </c>
      <c r="C7" s="42" t="s">
        <v>55</v>
      </c>
      <c r="D7" s="87"/>
      <c r="E7" s="7"/>
      <c r="F7" s="14"/>
      <c r="G7" s="95"/>
      <c r="H7" s="7">
        <v>5.0799999999999992</v>
      </c>
      <c r="I7" s="87">
        <v>954.53000000000009</v>
      </c>
      <c r="J7" s="7">
        <v>0</v>
      </c>
      <c r="K7" s="87">
        <v>1025.1899999999998</v>
      </c>
      <c r="L7" s="87">
        <v>1098.6099999999999</v>
      </c>
      <c r="M7" s="87">
        <v>170.45</v>
      </c>
      <c r="N7" s="87">
        <v>433.88999999999993</v>
      </c>
      <c r="O7" s="87">
        <v>156.29999999999998</v>
      </c>
      <c r="P7" s="87">
        <v>1052.79</v>
      </c>
      <c r="Q7" s="87">
        <v>10305.569999999998</v>
      </c>
      <c r="R7" s="87">
        <v>15202.409999999998</v>
      </c>
      <c r="S7" s="14" t="s">
        <v>4</v>
      </c>
      <c r="T7" s="87">
        <v>15202.409999999998</v>
      </c>
      <c r="U7" s="104">
        <v>15202.41</v>
      </c>
      <c r="V7" s="95"/>
      <c r="W7" s="95"/>
      <c r="X7" s="95"/>
      <c r="Y7" s="95"/>
      <c r="Z7" s="95"/>
    </row>
    <row r="8" spans="1:26" ht="15" customHeight="1" x14ac:dyDescent="0.15">
      <c r="A8" s="40" t="s">
        <v>36</v>
      </c>
      <c r="B8" s="43" t="s">
        <v>18</v>
      </c>
      <c r="C8" s="43" t="s">
        <v>56</v>
      </c>
      <c r="D8" s="88"/>
      <c r="E8" s="8"/>
      <c r="F8" s="15"/>
      <c r="G8" s="96"/>
      <c r="H8" s="8">
        <v>0.67000000000000015</v>
      </c>
      <c r="I8" s="88">
        <v>240.28</v>
      </c>
      <c r="J8" s="8">
        <v>0</v>
      </c>
      <c r="K8" s="88">
        <v>547.49000000000012</v>
      </c>
      <c r="L8" s="88">
        <v>252.10999999999999</v>
      </c>
      <c r="M8" s="88">
        <v>1.1599999999999999</v>
      </c>
      <c r="N8" s="88">
        <v>102.08000000000001</v>
      </c>
      <c r="O8" s="88">
        <v>4.83</v>
      </c>
      <c r="P8" s="88">
        <v>146.37</v>
      </c>
      <c r="Q8" s="88">
        <v>4015.1600000000003</v>
      </c>
      <c r="R8" s="88">
        <v>5310.15</v>
      </c>
      <c r="S8" s="15" t="s">
        <v>4</v>
      </c>
      <c r="T8" s="88">
        <v>5310.15</v>
      </c>
      <c r="U8" s="105">
        <v>5310.15</v>
      </c>
      <c r="V8" s="96"/>
      <c r="W8" s="96"/>
      <c r="X8" s="96"/>
      <c r="Y8" s="96"/>
      <c r="Z8" s="96"/>
    </row>
    <row r="9" spans="1:26" ht="15" customHeight="1" x14ac:dyDescent="0.15">
      <c r="A9" s="40" t="s">
        <v>36</v>
      </c>
      <c r="B9" s="44" t="s">
        <v>18</v>
      </c>
      <c r="C9" s="44" t="s">
        <v>1</v>
      </c>
      <c r="D9" s="89">
        <v>4412.5</v>
      </c>
      <c r="E9" s="6">
        <v>206.59</v>
      </c>
      <c r="F9" s="16">
        <v>0</v>
      </c>
      <c r="G9" s="97">
        <v>4619.09</v>
      </c>
      <c r="H9" s="6">
        <v>5.7499999999999991</v>
      </c>
      <c r="I9" s="89">
        <v>1194.8100000000002</v>
      </c>
      <c r="J9" s="6">
        <v>0</v>
      </c>
      <c r="K9" s="89">
        <v>1572.6799999999998</v>
      </c>
      <c r="L9" s="89">
        <v>1350.7199999999998</v>
      </c>
      <c r="M9" s="89">
        <v>171.60999999999999</v>
      </c>
      <c r="N9" s="89">
        <v>535.96999999999991</v>
      </c>
      <c r="O9" s="89">
        <v>161.13</v>
      </c>
      <c r="P9" s="89">
        <v>1199.1599999999999</v>
      </c>
      <c r="Q9" s="89">
        <v>14320.729999999998</v>
      </c>
      <c r="R9" s="89">
        <v>20512.559999999998</v>
      </c>
      <c r="S9" s="16" t="s">
        <v>4</v>
      </c>
      <c r="T9" s="89">
        <v>20512.559999999998</v>
      </c>
      <c r="U9" s="89">
        <v>25131.65</v>
      </c>
      <c r="V9" s="97">
        <v>292</v>
      </c>
      <c r="W9" s="97">
        <v>66</v>
      </c>
      <c r="X9" s="97">
        <v>358</v>
      </c>
      <c r="Y9" s="97">
        <v>2802.3500000000022</v>
      </c>
      <c r="Z9" s="97">
        <v>28292</v>
      </c>
    </row>
    <row r="10" spans="1:26" ht="15" customHeight="1" x14ac:dyDescent="0.15">
      <c r="A10" s="40" t="s">
        <v>36</v>
      </c>
      <c r="B10" s="43" t="s">
        <v>19</v>
      </c>
      <c r="C10" s="43" t="s">
        <v>57</v>
      </c>
      <c r="D10" s="87"/>
      <c r="E10" s="7"/>
      <c r="F10" s="14"/>
      <c r="G10" s="95"/>
      <c r="H10" s="7">
        <v>35.18</v>
      </c>
      <c r="I10" s="87">
        <v>251.32999999999998</v>
      </c>
      <c r="J10" s="7">
        <v>0</v>
      </c>
      <c r="K10" s="87">
        <v>893.30000000000007</v>
      </c>
      <c r="L10" s="87">
        <v>139.15</v>
      </c>
      <c r="M10" s="87">
        <v>2.2400000000000002</v>
      </c>
      <c r="N10" s="87">
        <v>314.64000000000004</v>
      </c>
      <c r="O10" s="87">
        <v>15.2</v>
      </c>
      <c r="P10" s="87">
        <v>75.45</v>
      </c>
      <c r="Q10" s="87">
        <v>4573.2400000000007</v>
      </c>
      <c r="R10" s="87">
        <v>6299.7300000000014</v>
      </c>
      <c r="S10" s="14" t="s">
        <v>4</v>
      </c>
      <c r="T10" s="87">
        <v>6299.7300000000014</v>
      </c>
      <c r="U10" s="104">
        <v>6299.7300000000014</v>
      </c>
      <c r="V10" s="95"/>
      <c r="W10" s="95"/>
      <c r="X10" s="95"/>
      <c r="Y10" s="95"/>
      <c r="Z10" s="95"/>
    </row>
    <row r="11" spans="1:26" ht="15" customHeight="1" x14ac:dyDescent="0.15">
      <c r="A11" s="40" t="s">
        <v>36</v>
      </c>
      <c r="B11" s="43" t="s">
        <v>37</v>
      </c>
      <c r="C11" s="43" t="s">
        <v>58</v>
      </c>
      <c r="D11" s="88"/>
      <c r="E11" s="8"/>
      <c r="F11" s="15"/>
      <c r="G11" s="96"/>
      <c r="H11" s="8">
        <v>10.54</v>
      </c>
      <c r="I11" s="88">
        <v>597.30999999999995</v>
      </c>
      <c r="J11" s="8">
        <v>0</v>
      </c>
      <c r="K11" s="88">
        <v>227.92000000000002</v>
      </c>
      <c r="L11" s="88">
        <v>3430.9600000000005</v>
      </c>
      <c r="M11" s="88">
        <v>115.6</v>
      </c>
      <c r="N11" s="88">
        <v>1304.02</v>
      </c>
      <c r="O11" s="88">
        <v>18.18</v>
      </c>
      <c r="P11" s="88">
        <v>470.81000000000006</v>
      </c>
      <c r="Q11" s="88">
        <v>11606.16</v>
      </c>
      <c r="R11" s="88">
        <v>17781.5</v>
      </c>
      <c r="S11" s="15" t="s">
        <v>4</v>
      </c>
      <c r="T11" s="88">
        <v>17781.5</v>
      </c>
      <c r="U11" s="105">
        <v>17781.5</v>
      </c>
      <c r="V11" s="8"/>
      <c r="W11" s="8"/>
      <c r="X11" s="8"/>
      <c r="Y11" s="29"/>
      <c r="Z11" s="8"/>
    </row>
    <row r="12" spans="1:26" ht="15" customHeight="1" x14ac:dyDescent="0.15">
      <c r="A12" s="40" t="s">
        <v>36</v>
      </c>
      <c r="B12" s="43" t="s">
        <v>37</v>
      </c>
      <c r="C12" s="43" t="s">
        <v>59</v>
      </c>
      <c r="D12" s="88"/>
      <c r="E12" s="8"/>
      <c r="F12" s="15"/>
      <c r="G12" s="96"/>
      <c r="H12" s="8">
        <v>2.81</v>
      </c>
      <c r="I12" s="88">
        <v>537.22</v>
      </c>
      <c r="J12" s="8">
        <v>0.35</v>
      </c>
      <c r="K12" s="88">
        <v>741.82999999999993</v>
      </c>
      <c r="L12" s="88">
        <v>1209.67</v>
      </c>
      <c r="M12" s="88">
        <v>15.65</v>
      </c>
      <c r="N12" s="88">
        <v>742.38</v>
      </c>
      <c r="O12" s="88">
        <v>18.97</v>
      </c>
      <c r="P12" s="88">
        <v>97.339999999999989</v>
      </c>
      <c r="Q12" s="88">
        <v>7693.3900000000012</v>
      </c>
      <c r="R12" s="88">
        <v>11059.61</v>
      </c>
      <c r="S12" s="15">
        <v>0</v>
      </c>
      <c r="T12" s="88">
        <v>11059.61</v>
      </c>
      <c r="U12" s="105">
        <v>11059.61</v>
      </c>
      <c r="V12" s="8"/>
      <c r="W12" s="8"/>
      <c r="X12" s="8"/>
      <c r="Y12" s="29"/>
      <c r="Z12" s="8"/>
    </row>
    <row r="13" spans="1:26" ht="15" customHeight="1" x14ac:dyDescent="0.15">
      <c r="A13" s="40" t="s">
        <v>36</v>
      </c>
      <c r="B13" s="43" t="s">
        <v>37</v>
      </c>
      <c r="C13" s="43" t="s">
        <v>1</v>
      </c>
      <c r="D13" s="89">
        <v>1055.8400000000001</v>
      </c>
      <c r="E13" s="6">
        <v>58.22</v>
      </c>
      <c r="F13" s="16">
        <v>0</v>
      </c>
      <c r="G13" s="97">
        <v>1114.0600000000002</v>
      </c>
      <c r="H13" s="6">
        <v>48.53</v>
      </c>
      <c r="I13" s="89">
        <v>1385.86</v>
      </c>
      <c r="J13" s="6">
        <v>0.35</v>
      </c>
      <c r="K13" s="89">
        <v>1863.05</v>
      </c>
      <c r="L13" s="89">
        <v>4779.7800000000007</v>
      </c>
      <c r="M13" s="89">
        <v>133.48999999999998</v>
      </c>
      <c r="N13" s="89">
        <v>2361.04</v>
      </c>
      <c r="O13" s="89">
        <v>52.349999999999994</v>
      </c>
      <c r="P13" s="89">
        <v>643.60000000000014</v>
      </c>
      <c r="Q13" s="89">
        <v>23872.79</v>
      </c>
      <c r="R13" s="89">
        <v>35140.840000000004</v>
      </c>
      <c r="S13" s="16" t="s">
        <v>4</v>
      </c>
      <c r="T13" s="89">
        <v>35140.840000000004</v>
      </c>
      <c r="U13" s="89">
        <v>36254.9</v>
      </c>
      <c r="V13" s="97">
        <v>1282</v>
      </c>
      <c r="W13" s="97">
        <v>141</v>
      </c>
      <c r="X13" s="97">
        <v>1423</v>
      </c>
      <c r="Y13" s="97">
        <v>4251.0999999999985</v>
      </c>
      <c r="Z13" s="97">
        <v>41929</v>
      </c>
    </row>
    <row r="14" spans="1:26" ht="15" customHeight="1" x14ac:dyDescent="0.15">
      <c r="A14" s="40" t="s">
        <v>36</v>
      </c>
      <c r="B14" s="42" t="s">
        <v>20</v>
      </c>
      <c r="C14" s="42" t="s">
        <v>60</v>
      </c>
      <c r="D14" s="87"/>
      <c r="E14" s="7"/>
      <c r="F14" s="14"/>
      <c r="G14" s="95"/>
      <c r="H14" s="7">
        <v>39.200000000000003</v>
      </c>
      <c r="I14" s="87">
        <v>1656.01</v>
      </c>
      <c r="J14" s="7">
        <v>0</v>
      </c>
      <c r="K14" s="87">
        <v>1614.5199999999998</v>
      </c>
      <c r="L14" s="87">
        <v>187.41000000000003</v>
      </c>
      <c r="M14" s="87">
        <v>102.10000000000001</v>
      </c>
      <c r="N14" s="87">
        <v>739.79</v>
      </c>
      <c r="O14" s="87">
        <v>515.34</v>
      </c>
      <c r="P14" s="87">
        <v>1075.94</v>
      </c>
      <c r="Q14" s="87">
        <v>17978.18</v>
      </c>
      <c r="R14" s="87">
        <v>23908.489999999998</v>
      </c>
      <c r="S14" s="14" t="s">
        <v>4</v>
      </c>
      <c r="T14" s="87">
        <v>23908.489999999998</v>
      </c>
      <c r="U14" s="104">
        <v>23908.489999999998</v>
      </c>
      <c r="V14" s="95"/>
      <c r="W14" s="95"/>
      <c r="X14" s="95"/>
      <c r="Y14" s="95"/>
      <c r="Z14" s="95"/>
    </row>
    <row r="15" spans="1:26" ht="15" customHeight="1" x14ac:dyDescent="0.15">
      <c r="A15" s="40" t="s">
        <v>36</v>
      </c>
      <c r="B15" s="43" t="s">
        <v>20</v>
      </c>
      <c r="C15" s="43" t="s">
        <v>61</v>
      </c>
      <c r="D15" s="88"/>
      <c r="E15" s="8"/>
      <c r="F15" s="15"/>
      <c r="G15" s="96"/>
      <c r="H15" s="8">
        <v>0</v>
      </c>
      <c r="I15" s="88">
        <v>71.48</v>
      </c>
      <c r="J15" s="8">
        <v>0</v>
      </c>
      <c r="K15" s="8">
        <v>59.089999999999996</v>
      </c>
      <c r="L15" s="8">
        <v>0</v>
      </c>
      <c r="M15" s="8">
        <v>0</v>
      </c>
      <c r="N15" s="8">
        <v>40.99</v>
      </c>
      <c r="O15" s="88">
        <v>46.45</v>
      </c>
      <c r="P15" s="88">
        <v>72.400000000000006</v>
      </c>
      <c r="Q15" s="88">
        <v>2047.8100000000002</v>
      </c>
      <c r="R15" s="88">
        <v>2338.2200000000003</v>
      </c>
      <c r="S15" s="15" t="s">
        <v>4</v>
      </c>
      <c r="T15" s="88">
        <v>2338.2200000000003</v>
      </c>
      <c r="U15" s="105">
        <v>2338.2200000000003</v>
      </c>
      <c r="V15" s="96"/>
      <c r="W15" s="96"/>
      <c r="X15" s="96"/>
      <c r="Y15" s="96"/>
      <c r="Z15" s="96"/>
    </row>
    <row r="16" spans="1:26" ht="15" customHeight="1" x14ac:dyDescent="0.15">
      <c r="A16" s="40" t="s">
        <v>36</v>
      </c>
      <c r="B16" s="43" t="s">
        <v>20</v>
      </c>
      <c r="C16" s="43" t="s">
        <v>62</v>
      </c>
      <c r="D16" s="88"/>
      <c r="E16" s="8"/>
      <c r="F16" s="15"/>
      <c r="G16" s="96"/>
      <c r="H16" s="8">
        <v>0</v>
      </c>
      <c r="I16" s="88">
        <v>127.84</v>
      </c>
      <c r="J16" s="8">
        <v>0</v>
      </c>
      <c r="K16" s="8">
        <v>118.51</v>
      </c>
      <c r="L16" s="8">
        <v>0</v>
      </c>
      <c r="M16" s="8">
        <v>34.17</v>
      </c>
      <c r="N16" s="8">
        <v>11.62</v>
      </c>
      <c r="O16" s="88">
        <v>119.72999999999999</v>
      </c>
      <c r="P16" s="88">
        <v>64.87</v>
      </c>
      <c r="Q16" s="88">
        <v>5252.8900000000012</v>
      </c>
      <c r="R16" s="88">
        <v>5729.630000000001</v>
      </c>
      <c r="S16" s="15" t="s">
        <v>4</v>
      </c>
      <c r="T16" s="88">
        <v>5729.630000000001</v>
      </c>
      <c r="U16" s="105">
        <v>5729.630000000001</v>
      </c>
      <c r="V16" s="96"/>
      <c r="W16" s="96"/>
      <c r="X16" s="96"/>
      <c r="Y16" s="96"/>
      <c r="Z16" s="96"/>
    </row>
    <row r="17" spans="1:26" ht="15" customHeight="1" x14ac:dyDescent="0.15">
      <c r="A17" s="40" t="s">
        <v>36</v>
      </c>
      <c r="B17" s="45" t="s">
        <v>20</v>
      </c>
      <c r="C17" s="45" t="s">
        <v>1</v>
      </c>
      <c r="D17" s="90">
        <v>1388.9</v>
      </c>
      <c r="E17" s="9">
        <v>182.34</v>
      </c>
      <c r="F17" s="17">
        <v>6</v>
      </c>
      <c r="G17" s="98">
        <v>1577.24</v>
      </c>
      <c r="H17" s="9">
        <v>39.200000000000003</v>
      </c>
      <c r="I17" s="90">
        <v>1855.33</v>
      </c>
      <c r="J17" s="9">
        <v>0</v>
      </c>
      <c r="K17" s="90">
        <v>1792.1199999999997</v>
      </c>
      <c r="L17" s="90">
        <v>187.41000000000003</v>
      </c>
      <c r="M17" s="90">
        <v>136.27000000000001</v>
      </c>
      <c r="N17" s="90">
        <v>792.4</v>
      </c>
      <c r="O17" s="90">
        <v>681.5200000000001</v>
      </c>
      <c r="P17" s="90">
        <v>1213.21</v>
      </c>
      <c r="Q17" s="90">
        <v>25278.880000000005</v>
      </c>
      <c r="R17" s="90">
        <v>31976.340000000004</v>
      </c>
      <c r="S17" s="17" t="s">
        <v>4</v>
      </c>
      <c r="T17" s="90">
        <v>31976.340000000004</v>
      </c>
      <c r="U17" s="90">
        <v>33553.58</v>
      </c>
      <c r="V17" s="98">
        <v>1196</v>
      </c>
      <c r="W17" s="98">
        <v>311</v>
      </c>
      <c r="X17" s="98">
        <v>1508</v>
      </c>
      <c r="Y17" s="98">
        <v>8509.4199999999983</v>
      </c>
      <c r="Z17" s="98">
        <v>43571</v>
      </c>
    </row>
    <row r="18" spans="1:26" ht="15" customHeight="1" x14ac:dyDescent="0.15">
      <c r="A18" s="40" t="s">
        <v>36</v>
      </c>
      <c r="B18" s="66" t="s">
        <v>16</v>
      </c>
      <c r="C18" s="46"/>
      <c r="D18" s="91">
        <v>8097.8899999999994</v>
      </c>
      <c r="E18" s="3">
        <v>456.62</v>
      </c>
      <c r="F18" s="18">
        <v>6</v>
      </c>
      <c r="G18" s="99">
        <v>8560.51</v>
      </c>
      <c r="H18" s="3">
        <v>145.87</v>
      </c>
      <c r="I18" s="91">
        <v>4896.78</v>
      </c>
      <c r="J18" s="3">
        <v>0.35</v>
      </c>
      <c r="K18" s="91">
        <v>5846.8899999999994</v>
      </c>
      <c r="L18" s="91">
        <v>6404.7800000000007</v>
      </c>
      <c r="M18" s="91">
        <v>634.13</v>
      </c>
      <c r="N18" s="91">
        <v>4077.87</v>
      </c>
      <c r="O18" s="91">
        <v>928.63000000000011</v>
      </c>
      <c r="P18" s="91">
        <v>3231.01</v>
      </c>
      <c r="Q18" s="91">
        <v>69211.790000000008</v>
      </c>
      <c r="R18" s="91">
        <v>95378.1</v>
      </c>
      <c r="S18" s="18" t="s">
        <v>4</v>
      </c>
      <c r="T18" s="91">
        <v>95378.1</v>
      </c>
      <c r="U18" s="91">
        <v>103938.61</v>
      </c>
      <c r="V18" s="99">
        <v>2950</v>
      </c>
      <c r="W18" s="99">
        <v>546</v>
      </c>
      <c r="X18" s="99">
        <v>3497</v>
      </c>
      <c r="Y18" s="99">
        <v>16999.39</v>
      </c>
      <c r="Z18" s="99">
        <v>124435</v>
      </c>
    </row>
    <row r="19" spans="1:26" ht="15" customHeight="1" x14ac:dyDescent="0.15">
      <c r="A19" s="40" t="s">
        <v>36</v>
      </c>
      <c r="B19" s="41" t="s">
        <v>21</v>
      </c>
      <c r="C19" s="41" t="s">
        <v>63</v>
      </c>
      <c r="D19" s="92"/>
      <c r="E19" s="10"/>
      <c r="F19" s="19"/>
      <c r="G19" s="100"/>
      <c r="H19" s="10">
        <v>42.91</v>
      </c>
      <c r="I19" s="92">
        <v>144.97</v>
      </c>
      <c r="J19" s="10">
        <v>0</v>
      </c>
      <c r="K19" s="92">
        <v>385.99</v>
      </c>
      <c r="L19" s="92">
        <v>57.36</v>
      </c>
      <c r="M19" s="92">
        <v>68.039999999999992</v>
      </c>
      <c r="N19" s="92">
        <v>786.8</v>
      </c>
      <c r="O19" s="92">
        <v>146.58000000000001</v>
      </c>
      <c r="P19" s="92">
        <v>182.79</v>
      </c>
      <c r="Q19" s="92">
        <v>9614.8700000000008</v>
      </c>
      <c r="R19" s="92">
        <v>11430.310000000001</v>
      </c>
      <c r="S19" s="19" t="s">
        <v>4</v>
      </c>
      <c r="T19" s="92">
        <v>11430.310000000001</v>
      </c>
      <c r="U19" s="106">
        <v>11430.310000000001</v>
      </c>
      <c r="V19" s="100"/>
      <c r="W19" s="100"/>
      <c r="X19" s="100"/>
      <c r="Y19" s="100"/>
      <c r="Z19" s="100"/>
    </row>
    <row r="20" spans="1:26" ht="15" customHeight="1" x14ac:dyDescent="0.15">
      <c r="A20" s="40" t="s">
        <v>36</v>
      </c>
      <c r="B20" s="43" t="s">
        <v>21</v>
      </c>
      <c r="C20" s="43" t="s">
        <v>64</v>
      </c>
      <c r="D20" s="88"/>
      <c r="E20" s="8"/>
      <c r="F20" s="15"/>
      <c r="G20" s="96"/>
      <c r="H20" s="8">
        <v>2.79</v>
      </c>
      <c r="I20" s="88">
        <v>115.09</v>
      </c>
      <c r="J20" s="8">
        <v>0</v>
      </c>
      <c r="K20" s="88">
        <v>861.51</v>
      </c>
      <c r="L20" s="88">
        <v>752.59</v>
      </c>
      <c r="M20" s="88">
        <v>3.6</v>
      </c>
      <c r="N20" s="88">
        <v>490.58</v>
      </c>
      <c r="O20" s="88">
        <v>70.179999999999993</v>
      </c>
      <c r="P20" s="88">
        <v>133.59</v>
      </c>
      <c r="Q20" s="88">
        <v>11284.460000000001</v>
      </c>
      <c r="R20" s="88">
        <v>13714.390000000001</v>
      </c>
      <c r="S20" s="15">
        <v>0</v>
      </c>
      <c r="T20" s="88">
        <v>13714.390000000001</v>
      </c>
      <c r="U20" s="105">
        <v>13714.390000000001</v>
      </c>
      <c r="V20" s="96"/>
      <c r="W20" s="96"/>
      <c r="X20" s="96"/>
      <c r="Y20" s="96"/>
      <c r="Z20" s="96"/>
    </row>
    <row r="21" spans="1:26" ht="15" customHeight="1" x14ac:dyDescent="0.15">
      <c r="A21" s="40" t="s">
        <v>36</v>
      </c>
      <c r="B21" s="43" t="s">
        <v>21</v>
      </c>
      <c r="C21" s="43" t="s">
        <v>65</v>
      </c>
      <c r="D21" s="88"/>
      <c r="E21" s="8"/>
      <c r="F21" s="15"/>
      <c r="G21" s="96"/>
      <c r="H21" s="8">
        <v>0</v>
      </c>
      <c r="I21" s="88">
        <v>657.05</v>
      </c>
      <c r="J21" s="8">
        <v>0</v>
      </c>
      <c r="K21" s="88">
        <v>563.62000000000012</v>
      </c>
      <c r="L21" s="88">
        <v>1128.4499999999998</v>
      </c>
      <c r="M21" s="88">
        <v>223.79000000000002</v>
      </c>
      <c r="N21" s="88">
        <v>778.50999999999988</v>
      </c>
      <c r="O21" s="88">
        <v>42.91</v>
      </c>
      <c r="P21" s="88">
        <v>256.71999999999997</v>
      </c>
      <c r="Q21" s="88">
        <v>6684.2300000000005</v>
      </c>
      <c r="R21" s="88">
        <v>10335.279999999999</v>
      </c>
      <c r="S21" s="15" t="s">
        <v>4</v>
      </c>
      <c r="T21" s="88">
        <v>10335.279999999999</v>
      </c>
      <c r="U21" s="105">
        <v>10335.279999999999</v>
      </c>
      <c r="V21" s="96"/>
      <c r="W21" s="96"/>
      <c r="X21" s="96"/>
      <c r="Y21" s="96"/>
      <c r="Z21" s="96"/>
    </row>
    <row r="22" spans="1:26" ht="15" customHeight="1" x14ac:dyDescent="0.15">
      <c r="A22" s="40" t="s">
        <v>36</v>
      </c>
      <c r="B22" s="43" t="s">
        <v>21</v>
      </c>
      <c r="C22" s="43" t="s">
        <v>66</v>
      </c>
      <c r="D22" s="88"/>
      <c r="E22" s="8"/>
      <c r="F22" s="15"/>
      <c r="G22" s="96"/>
      <c r="H22" s="8">
        <v>0</v>
      </c>
      <c r="I22" s="88">
        <v>513.88</v>
      </c>
      <c r="J22" s="8">
        <v>0</v>
      </c>
      <c r="K22" s="88">
        <v>677.68000000000006</v>
      </c>
      <c r="L22" s="88">
        <v>542.76</v>
      </c>
      <c r="M22" s="88">
        <v>88.039999999999992</v>
      </c>
      <c r="N22" s="88">
        <v>228.51999999999998</v>
      </c>
      <c r="O22" s="88">
        <v>28.969999999999995</v>
      </c>
      <c r="P22" s="88">
        <v>328.06</v>
      </c>
      <c r="Q22" s="88">
        <v>6122.2799999999988</v>
      </c>
      <c r="R22" s="88">
        <v>8530.1899999999987</v>
      </c>
      <c r="S22" s="15" t="s">
        <v>4</v>
      </c>
      <c r="T22" s="88">
        <v>8530.1899999999987</v>
      </c>
      <c r="U22" s="105">
        <v>8530.1899999999987</v>
      </c>
      <c r="V22" s="96"/>
      <c r="W22" s="96"/>
      <c r="X22" s="96"/>
      <c r="Y22" s="96"/>
      <c r="Z22" s="96"/>
    </row>
    <row r="23" spans="1:26" ht="15" customHeight="1" x14ac:dyDescent="0.15">
      <c r="A23" s="40" t="s">
        <v>36</v>
      </c>
      <c r="B23" s="43" t="s">
        <v>21</v>
      </c>
      <c r="C23" s="43" t="s">
        <v>67</v>
      </c>
      <c r="D23" s="88"/>
      <c r="E23" s="8"/>
      <c r="F23" s="15"/>
      <c r="G23" s="96"/>
      <c r="H23" s="8">
        <v>0</v>
      </c>
      <c r="I23" s="88">
        <v>178.69</v>
      </c>
      <c r="J23" s="8">
        <v>0</v>
      </c>
      <c r="K23" s="88">
        <v>183.33</v>
      </c>
      <c r="L23" s="88">
        <v>45.489999999999995</v>
      </c>
      <c r="M23" s="88">
        <v>1.7599999999999998</v>
      </c>
      <c r="N23" s="88">
        <v>214.3</v>
      </c>
      <c r="O23" s="88">
        <v>186.01</v>
      </c>
      <c r="P23" s="88">
        <v>119.67999999999999</v>
      </c>
      <c r="Q23" s="88">
        <v>9343.1600000000017</v>
      </c>
      <c r="R23" s="88">
        <v>10272.420000000002</v>
      </c>
      <c r="S23" s="15" t="s">
        <v>4</v>
      </c>
      <c r="T23" s="88">
        <v>10272.420000000002</v>
      </c>
      <c r="U23" s="105">
        <v>10272.420000000002</v>
      </c>
      <c r="V23" s="96"/>
      <c r="W23" s="96"/>
      <c r="X23" s="96"/>
      <c r="Y23" s="96"/>
      <c r="Z23" s="96"/>
    </row>
    <row r="24" spans="1:26" ht="15" customHeight="1" x14ac:dyDescent="0.15">
      <c r="A24" s="40" t="s">
        <v>36</v>
      </c>
      <c r="B24" s="43" t="s">
        <v>21</v>
      </c>
      <c r="C24" s="65" t="s">
        <v>1</v>
      </c>
      <c r="D24" s="89">
        <v>1475.79</v>
      </c>
      <c r="E24" s="6">
        <v>229.44</v>
      </c>
      <c r="F24" s="16">
        <v>5</v>
      </c>
      <c r="G24" s="97">
        <v>1710.23</v>
      </c>
      <c r="H24" s="6">
        <v>45.699999999999996</v>
      </c>
      <c r="I24" s="89">
        <v>1609.6799999999998</v>
      </c>
      <c r="J24" s="6">
        <v>0</v>
      </c>
      <c r="K24" s="89">
        <v>2672.13</v>
      </c>
      <c r="L24" s="89">
        <v>2526.6499999999996</v>
      </c>
      <c r="M24" s="89">
        <v>385.23</v>
      </c>
      <c r="N24" s="89">
        <v>2498.71</v>
      </c>
      <c r="O24" s="89">
        <v>474.64999999999992</v>
      </c>
      <c r="P24" s="89">
        <v>1020.8399999999998</v>
      </c>
      <c r="Q24" s="89">
        <v>43049</v>
      </c>
      <c r="R24" s="89">
        <v>54282.59</v>
      </c>
      <c r="S24" s="16">
        <v>0</v>
      </c>
      <c r="T24" s="89">
        <v>54282.59</v>
      </c>
      <c r="U24" s="89">
        <v>55992.82</v>
      </c>
      <c r="V24" s="97">
        <v>1199</v>
      </c>
      <c r="W24" s="97">
        <v>188</v>
      </c>
      <c r="X24" s="97">
        <v>1387</v>
      </c>
      <c r="Y24" s="97">
        <v>11688.18</v>
      </c>
      <c r="Z24" s="97">
        <v>69068</v>
      </c>
    </row>
    <row r="25" spans="1:26" ht="15" customHeight="1" x14ac:dyDescent="0.15">
      <c r="A25" s="40" t="s">
        <v>36</v>
      </c>
      <c r="B25" s="42" t="s">
        <v>22</v>
      </c>
      <c r="C25" s="42" t="s">
        <v>68</v>
      </c>
      <c r="D25" s="87"/>
      <c r="E25" s="7"/>
      <c r="F25" s="14"/>
      <c r="G25" s="95"/>
      <c r="H25" s="7">
        <v>29.619999999999997</v>
      </c>
      <c r="I25" s="87">
        <v>780.68000000000006</v>
      </c>
      <c r="J25" s="7">
        <v>0.16</v>
      </c>
      <c r="K25" s="87">
        <v>968.9899999999999</v>
      </c>
      <c r="L25" s="87">
        <v>466.35999999999996</v>
      </c>
      <c r="M25" s="87">
        <v>0.87</v>
      </c>
      <c r="N25" s="87">
        <v>643.45000000000005</v>
      </c>
      <c r="O25" s="87">
        <v>195.51</v>
      </c>
      <c r="P25" s="87">
        <v>226.58</v>
      </c>
      <c r="Q25" s="87">
        <v>8218.8299999999981</v>
      </c>
      <c r="R25" s="87">
        <v>11531.05</v>
      </c>
      <c r="S25" s="14">
        <v>0</v>
      </c>
      <c r="T25" s="87">
        <v>11531.05</v>
      </c>
      <c r="U25" s="104">
        <v>11531.05</v>
      </c>
      <c r="V25" s="14"/>
      <c r="W25" s="14"/>
      <c r="X25" s="14"/>
      <c r="Y25" s="31"/>
      <c r="Z25" s="7"/>
    </row>
    <row r="26" spans="1:26" ht="15" customHeight="1" x14ac:dyDescent="0.15">
      <c r="A26" s="40" t="s">
        <v>36</v>
      </c>
      <c r="B26" s="43" t="s">
        <v>22</v>
      </c>
      <c r="C26" s="43" t="s">
        <v>69</v>
      </c>
      <c r="D26" s="88"/>
      <c r="E26" s="8"/>
      <c r="F26" s="15"/>
      <c r="G26" s="96"/>
      <c r="H26" s="8">
        <v>9.82</v>
      </c>
      <c r="I26" s="88">
        <v>422.83</v>
      </c>
      <c r="J26" s="8">
        <v>0</v>
      </c>
      <c r="K26" s="88">
        <v>214.45</v>
      </c>
      <c r="L26" s="88">
        <v>484.99999999999994</v>
      </c>
      <c r="M26" s="88">
        <v>42.65</v>
      </c>
      <c r="N26" s="88">
        <v>982.14</v>
      </c>
      <c r="O26" s="88">
        <v>119.83</v>
      </c>
      <c r="P26" s="88">
        <v>495.1</v>
      </c>
      <c r="Q26" s="88">
        <v>5987.1999999999989</v>
      </c>
      <c r="R26" s="88">
        <v>8759.0199999999986</v>
      </c>
      <c r="S26" s="15">
        <v>0</v>
      </c>
      <c r="T26" s="88">
        <v>8759.0199999999986</v>
      </c>
      <c r="U26" s="105">
        <v>8759.0199999999986</v>
      </c>
      <c r="V26" s="15"/>
      <c r="W26" s="15"/>
      <c r="X26" s="15"/>
      <c r="Y26" s="32"/>
      <c r="Z26" s="8"/>
    </row>
    <row r="27" spans="1:26" ht="15" customHeight="1" x14ac:dyDescent="0.15">
      <c r="A27" s="40" t="s">
        <v>36</v>
      </c>
      <c r="B27" s="45" t="s">
        <v>22</v>
      </c>
      <c r="C27" s="45" t="s">
        <v>1</v>
      </c>
      <c r="D27" s="90">
        <v>781.89</v>
      </c>
      <c r="E27" s="9">
        <v>48.339999999999996</v>
      </c>
      <c r="F27" s="17">
        <v>0</v>
      </c>
      <c r="G27" s="98">
        <v>830.23</v>
      </c>
      <c r="H27" s="9">
        <v>39.44</v>
      </c>
      <c r="I27" s="90">
        <v>1203.51</v>
      </c>
      <c r="J27" s="9">
        <v>0.16</v>
      </c>
      <c r="K27" s="90">
        <v>1183.4399999999998</v>
      </c>
      <c r="L27" s="90">
        <v>951.3599999999999</v>
      </c>
      <c r="M27" s="90">
        <v>43.519999999999996</v>
      </c>
      <c r="N27" s="90">
        <v>1625.5900000000001</v>
      </c>
      <c r="O27" s="90">
        <v>315.33999999999997</v>
      </c>
      <c r="P27" s="90">
        <v>721.68000000000006</v>
      </c>
      <c r="Q27" s="90">
        <v>14206.029999999997</v>
      </c>
      <c r="R27" s="90">
        <v>20290.07</v>
      </c>
      <c r="S27" s="17" t="s">
        <v>4</v>
      </c>
      <c r="T27" s="90">
        <v>20290.07</v>
      </c>
      <c r="U27" s="90">
        <v>21120.3</v>
      </c>
      <c r="V27" s="90">
        <v>267</v>
      </c>
      <c r="W27" s="90">
        <v>89</v>
      </c>
      <c r="X27" s="90">
        <v>355</v>
      </c>
      <c r="Y27" s="90">
        <v>5348.7000000000007</v>
      </c>
      <c r="Z27" s="90">
        <v>26824</v>
      </c>
    </row>
    <row r="28" spans="1:26" ht="15" customHeight="1" x14ac:dyDescent="0.15">
      <c r="A28" s="40" t="s">
        <v>36</v>
      </c>
      <c r="B28" s="66" t="s">
        <v>16</v>
      </c>
      <c r="C28" s="66" t="s">
        <v>16</v>
      </c>
      <c r="D28" s="91">
        <v>2257.6799999999998</v>
      </c>
      <c r="E28" s="3">
        <v>277.77999999999997</v>
      </c>
      <c r="F28" s="18">
        <v>5</v>
      </c>
      <c r="G28" s="99">
        <v>2540.46</v>
      </c>
      <c r="H28" s="3">
        <v>85.139999999999986</v>
      </c>
      <c r="I28" s="91">
        <v>2813.1899999999996</v>
      </c>
      <c r="J28" s="3">
        <v>0.16</v>
      </c>
      <c r="K28" s="91">
        <v>3855.5699999999997</v>
      </c>
      <c r="L28" s="91">
        <v>3478.0099999999993</v>
      </c>
      <c r="M28" s="91">
        <v>428.75</v>
      </c>
      <c r="N28" s="91">
        <v>4124.3</v>
      </c>
      <c r="O28" s="91">
        <v>789.9899999999999</v>
      </c>
      <c r="P28" s="91">
        <v>1742.52</v>
      </c>
      <c r="Q28" s="91">
        <v>57255.03</v>
      </c>
      <c r="R28" s="91">
        <v>74572.66</v>
      </c>
      <c r="S28" s="18" t="s">
        <v>4</v>
      </c>
      <c r="T28" s="91">
        <v>74572.66</v>
      </c>
      <c r="U28" s="91">
        <v>77113.12000000001</v>
      </c>
      <c r="V28" s="91">
        <v>1466</v>
      </c>
      <c r="W28" s="91">
        <v>277</v>
      </c>
      <c r="X28" s="91">
        <v>1742</v>
      </c>
      <c r="Y28" s="91">
        <v>17036.87999999999</v>
      </c>
      <c r="Z28" s="91">
        <v>95892</v>
      </c>
    </row>
    <row r="29" spans="1:26" ht="15" customHeight="1" x14ac:dyDescent="0.15">
      <c r="A29" s="39"/>
      <c r="B29" s="69" t="s">
        <v>1</v>
      </c>
      <c r="C29" s="70" t="s">
        <v>1</v>
      </c>
      <c r="D29" s="93">
        <v>10355.57</v>
      </c>
      <c r="E29" s="2">
        <v>734.4</v>
      </c>
      <c r="F29" s="20">
        <v>11</v>
      </c>
      <c r="G29" s="101">
        <v>11100.97</v>
      </c>
      <c r="H29" s="2">
        <v>231.01</v>
      </c>
      <c r="I29" s="93">
        <v>7709.9699999999993</v>
      </c>
      <c r="J29" s="2">
        <v>0.51</v>
      </c>
      <c r="K29" s="93">
        <v>9702.4599999999991</v>
      </c>
      <c r="L29" s="93">
        <v>9882.7900000000009</v>
      </c>
      <c r="M29" s="93">
        <v>1062.8800000000001</v>
      </c>
      <c r="N29" s="93">
        <v>8202.17</v>
      </c>
      <c r="O29" s="93">
        <v>1718.62</v>
      </c>
      <c r="P29" s="93">
        <v>4973.5300000000007</v>
      </c>
      <c r="Q29" s="93">
        <v>126466.82</v>
      </c>
      <c r="R29" s="93">
        <v>169950.76</v>
      </c>
      <c r="S29" s="20" t="s">
        <v>4</v>
      </c>
      <c r="T29" s="93">
        <v>169950.76</v>
      </c>
      <c r="U29" s="93">
        <v>181051.73</v>
      </c>
      <c r="V29" s="93">
        <v>4416</v>
      </c>
      <c r="W29" s="93">
        <v>823</v>
      </c>
      <c r="X29" s="93">
        <v>5239</v>
      </c>
      <c r="Y29" s="93">
        <v>34036.26999999999</v>
      </c>
      <c r="Z29" s="93">
        <v>220327</v>
      </c>
    </row>
    <row r="30" spans="1:26" ht="15" customHeight="1" x14ac:dyDescent="0.15">
      <c r="A30" s="40" t="s">
        <v>70</v>
      </c>
      <c r="B30" s="43" t="s">
        <v>23</v>
      </c>
      <c r="C30" s="41" t="s">
        <v>71</v>
      </c>
      <c r="D30" s="92"/>
      <c r="E30" s="10"/>
      <c r="F30" s="19"/>
      <c r="G30" s="100"/>
      <c r="H30" s="10">
        <v>1.78</v>
      </c>
      <c r="I30" s="92">
        <v>514.7700000000001</v>
      </c>
      <c r="J30" s="10">
        <v>0</v>
      </c>
      <c r="K30" s="10">
        <v>30.05</v>
      </c>
      <c r="L30" s="10">
        <v>0</v>
      </c>
      <c r="M30" s="10">
        <v>268.19</v>
      </c>
      <c r="N30" s="10">
        <v>1413.9</v>
      </c>
      <c r="O30" s="92">
        <v>352.8</v>
      </c>
      <c r="P30" s="92">
        <v>149.66</v>
      </c>
      <c r="Q30" s="92">
        <v>6235.2900000000009</v>
      </c>
      <c r="R30" s="92">
        <v>8966.44</v>
      </c>
      <c r="S30" s="19">
        <v>0.26</v>
      </c>
      <c r="T30" s="92">
        <v>8966.7000000000007</v>
      </c>
      <c r="U30" s="106">
        <v>8966.7000000000007</v>
      </c>
      <c r="V30" s="10"/>
      <c r="W30" s="10"/>
      <c r="X30" s="10"/>
      <c r="Y30" s="28"/>
      <c r="Z30" s="10"/>
    </row>
    <row r="31" spans="1:26" ht="15" customHeight="1" x14ac:dyDescent="0.15">
      <c r="A31" s="40" t="s">
        <v>70</v>
      </c>
      <c r="B31" s="43" t="s">
        <v>23</v>
      </c>
      <c r="C31" s="43" t="s">
        <v>72</v>
      </c>
      <c r="D31" s="88"/>
      <c r="E31" s="8"/>
      <c r="F31" s="15"/>
      <c r="G31" s="96"/>
      <c r="H31" s="8">
        <v>0</v>
      </c>
      <c r="I31" s="88">
        <v>4.4000000000000004</v>
      </c>
      <c r="J31" s="8">
        <v>88.809999999999988</v>
      </c>
      <c r="K31" s="8">
        <v>46.67</v>
      </c>
      <c r="L31" s="8">
        <v>0</v>
      </c>
      <c r="M31" s="8">
        <v>69.629999999999981</v>
      </c>
      <c r="N31" s="8">
        <v>260.5</v>
      </c>
      <c r="O31" s="88">
        <v>73.02</v>
      </c>
      <c r="P31" s="88">
        <v>199.98</v>
      </c>
      <c r="Q31" s="88">
        <v>1271.0800000000002</v>
      </c>
      <c r="R31" s="88">
        <v>2014.0900000000001</v>
      </c>
      <c r="S31" s="15" t="s">
        <v>4</v>
      </c>
      <c r="T31" s="88">
        <v>2014.0900000000001</v>
      </c>
      <c r="U31" s="105">
        <v>2014.0900000000001</v>
      </c>
      <c r="V31" s="15"/>
      <c r="W31" s="15"/>
      <c r="X31" s="15"/>
      <c r="Y31" s="32"/>
      <c r="Z31" s="8"/>
    </row>
    <row r="32" spans="1:26" ht="15" customHeight="1" x14ac:dyDescent="0.15">
      <c r="A32" s="40" t="s">
        <v>70</v>
      </c>
      <c r="B32" s="43" t="s">
        <v>23</v>
      </c>
      <c r="C32" s="43" t="s">
        <v>73</v>
      </c>
      <c r="D32" s="88"/>
      <c r="E32" s="8"/>
      <c r="F32" s="15"/>
      <c r="G32" s="96"/>
      <c r="H32" s="8">
        <v>0</v>
      </c>
      <c r="I32" s="88">
        <v>18.37</v>
      </c>
      <c r="J32" s="8">
        <v>0</v>
      </c>
      <c r="K32" s="8">
        <v>157.81</v>
      </c>
      <c r="L32" s="8">
        <v>24.45</v>
      </c>
      <c r="M32" s="8">
        <v>515.35</v>
      </c>
      <c r="N32" s="8">
        <v>96.56</v>
      </c>
      <c r="O32" s="88">
        <v>12.33</v>
      </c>
      <c r="P32" s="88">
        <v>400.82</v>
      </c>
      <c r="Q32" s="88">
        <v>1884.6599999999999</v>
      </c>
      <c r="R32" s="88">
        <v>3110.35</v>
      </c>
      <c r="S32" s="15" t="s">
        <v>4</v>
      </c>
      <c r="T32" s="88">
        <v>3110.35</v>
      </c>
      <c r="U32" s="105">
        <v>3110.35</v>
      </c>
      <c r="V32" s="8"/>
      <c r="W32" s="8"/>
      <c r="X32" s="8"/>
      <c r="Y32" s="29"/>
      <c r="Z32" s="8"/>
    </row>
    <row r="33" spans="1:26" ht="15" customHeight="1" x14ac:dyDescent="0.15">
      <c r="A33" s="40" t="s">
        <v>70</v>
      </c>
      <c r="B33" s="43" t="s">
        <v>23</v>
      </c>
      <c r="C33" s="43" t="s">
        <v>74</v>
      </c>
      <c r="D33" s="88"/>
      <c r="E33" s="8"/>
      <c r="F33" s="15"/>
      <c r="G33" s="96"/>
      <c r="H33" s="8">
        <v>0</v>
      </c>
      <c r="I33" s="88">
        <v>603.85</v>
      </c>
      <c r="J33" s="8">
        <v>1.1000000000000001</v>
      </c>
      <c r="K33" s="8">
        <v>25.82</v>
      </c>
      <c r="L33" s="8">
        <v>0</v>
      </c>
      <c r="M33" s="8">
        <v>540.16</v>
      </c>
      <c r="N33" s="8">
        <v>523.57000000000005</v>
      </c>
      <c r="O33" s="88">
        <v>103.26</v>
      </c>
      <c r="P33" s="88">
        <v>31.18</v>
      </c>
      <c r="Q33" s="88">
        <v>2457.62</v>
      </c>
      <c r="R33" s="88">
        <v>4286.5599999999995</v>
      </c>
      <c r="S33" s="15" t="s">
        <v>4</v>
      </c>
      <c r="T33" s="88">
        <v>4286.5599999999995</v>
      </c>
      <c r="U33" s="105">
        <v>4286.5599999999995</v>
      </c>
      <c r="V33" s="15"/>
      <c r="W33" s="15"/>
      <c r="X33" s="15"/>
      <c r="Y33" s="32"/>
      <c r="Z33" s="8"/>
    </row>
    <row r="34" spans="1:26" ht="15" customHeight="1" x14ac:dyDescent="0.15">
      <c r="A34" s="40" t="s">
        <v>70</v>
      </c>
      <c r="B34" s="43" t="s">
        <v>23</v>
      </c>
      <c r="C34" s="43" t="s">
        <v>75</v>
      </c>
      <c r="D34" s="88"/>
      <c r="E34" s="8"/>
      <c r="F34" s="15"/>
      <c r="G34" s="96"/>
      <c r="H34" s="8">
        <v>0</v>
      </c>
      <c r="I34" s="88">
        <v>118.26</v>
      </c>
      <c r="J34" s="8">
        <v>0</v>
      </c>
      <c r="K34" s="8">
        <v>70.45</v>
      </c>
      <c r="L34" s="8">
        <v>73.180000000000007</v>
      </c>
      <c r="M34" s="8">
        <v>236.30000000000004</v>
      </c>
      <c r="N34" s="8">
        <v>208.21999999999997</v>
      </c>
      <c r="O34" s="88">
        <v>72.90000000000002</v>
      </c>
      <c r="P34" s="88">
        <v>268.20000000000005</v>
      </c>
      <c r="Q34" s="88">
        <v>3111.7499999999995</v>
      </c>
      <c r="R34" s="88">
        <v>4159.26</v>
      </c>
      <c r="S34" s="15" t="s">
        <v>4</v>
      </c>
      <c r="T34" s="88">
        <v>4159.26</v>
      </c>
      <c r="U34" s="105">
        <v>4159.26</v>
      </c>
      <c r="V34" s="8"/>
      <c r="W34" s="8"/>
      <c r="X34" s="8"/>
      <c r="Y34" s="29"/>
      <c r="Z34" s="8"/>
    </row>
    <row r="35" spans="1:26" ht="15" customHeight="1" x14ac:dyDescent="0.15">
      <c r="A35" s="40" t="s">
        <v>70</v>
      </c>
      <c r="B35" s="43" t="s">
        <v>23</v>
      </c>
      <c r="C35" s="43" t="s">
        <v>76</v>
      </c>
      <c r="D35" s="88"/>
      <c r="E35" s="8"/>
      <c r="F35" s="15"/>
      <c r="G35" s="96"/>
      <c r="H35" s="8">
        <v>0</v>
      </c>
      <c r="I35" s="88">
        <v>25.28</v>
      </c>
      <c r="J35" s="8">
        <v>0</v>
      </c>
      <c r="K35" s="8">
        <v>22.060000000000002</v>
      </c>
      <c r="L35" s="8">
        <v>0</v>
      </c>
      <c r="M35" s="8">
        <v>175.92000000000002</v>
      </c>
      <c r="N35" s="8">
        <v>110.22</v>
      </c>
      <c r="O35" s="88">
        <v>33.72</v>
      </c>
      <c r="P35" s="88">
        <v>33.340000000000003</v>
      </c>
      <c r="Q35" s="88">
        <v>1215.2500000000002</v>
      </c>
      <c r="R35" s="88">
        <v>1615.7900000000004</v>
      </c>
      <c r="S35" s="15" t="s">
        <v>4</v>
      </c>
      <c r="T35" s="88">
        <v>1615.7900000000004</v>
      </c>
      <c r="U35" s="105">
        <v>1615.7900000000004</v>
      </c>
      <c r="V35" s="8"/>
      <c r="W35" s="8"/>
      <c r="X35" s="8"/>
      <c r="Y35" s="29"/>
      <c r="Z35" s="8"/>
    </row>
    <row r="36" spans="1:26" ht="15" customHeight="1" x14ac:dyDescent="0.15">
      <c r="A36" s="40" t="s">
        <v>70</v>
      </c>
      <c r="B36" s="43" t="s">
        <v>23</v>
      </c>
      <c r="C36" s="43" t="s">
        <v>77</v>
      </c>
      <c r="D36" s="88"/>
      <c r="E36" s="8"/>
      <c r="F36" s="15"/>
      <c r="G36" s="96"/>
      <c r="H36" s="8">
        <v>1.58</v>
      </c>
      <c r="I36" s="88">
        <v>26.42</v>
      </c>
      <c r="J36" s="8">
        <v>0</v>
      </c>
      <c r="K36" s="8">
        <v>13.989999999999998</v>
      </c>
      <c r="L36" s="8">
        <v>0</v>
      </c>
      <c r="M36" s="8">
        <v>63.449999999999996</v>
      </c>
      <c r="N36" s="8">
        <v>406.89000000000004</v>
      </c>
      <c r="O36" s="88">
        <v>92.86</v>
      </c>
      <c r="P36" s="88">
        <v>171.01999999999998</v>
      </c>
      <c r="Q36" s="88">
        <v>2133.41</v>
      </c>
      <c r="R36" s="88">
        <v>2909.62</v>
      </c>
      <c r="S36" s="15" t="s">
        <v>4</v>
      </c>
      <c r="T36" s="88">
        <v>2909.62</v>
      </c>
      <c r="U36" s="105">
        <v>2909.62</v>
      </c>
      <c r="V36" s="8"/>
      <c r="W36" s="8"/>
      <c r="X36" s="8"/>
      <c r="Y36" s="29"/>
      <c r="Z36" s="8"/>
    </row>
    <row r="37" spans="1:26" ht="15" customHeight="1" x14ac:dyDescent="0.15">
      <c r="A37" s="40" t="s">
        <v>70</v>
      </c>
      <c r="B37" s="43" t="s">
        <v>23</v>
      </c>
      <c r="C37" s="43" t="s">
        <v>31</v>
      </c>
      <c r="D37" s="88"/>
      <c r="E37" s="8"/>
      <c r="F37" s="15"/>
      <c r="G37" s="96"/>
      <c r="H37" s="8">
        <v>0</v>
      </c>
      <c r="I37" s="8">
        <v>0</v>
      </c>
      <c r="J37" s="8">
        <v>0</v>
      </c>
      <c r="K37" s="8">
        <v>0</v>
      </c>
      <c r="L37" s="8">
        <v>0</v>
      </c>
      <c r="M37" s="8">
        <v>0</v>
      </c>
      <c r="N37" s="8">
        <v>0</v>
      </c>
      <c r="O37" s="8">
        <v>2.4900000000000002</v>
      </c>
      <c r="P37" s="8">
        <v>0</v>
      </c>
      <c r="Q37" s="8">
        <v>4.2700000000000005</v>
      </c>
      <c r="R37" s="8">
        <v>6.7600000000000007</v>
      </c>
      <c r="S37" s="15">
        <v>0.5</v>
      </c>
      <c r="T37" s="88">
        <v>7.2600000000000007</v>
      </c>
      <c r="U37" s="105">
        <v>7.2600000000000007</v>
      </c>
      <c r="V37" s="8"/>
      <c r="W37" s="8"/>
      <c r="X37" s="8"/>
      <c r="Y37" s="29"/>
      <c r="Z37" s="8"/>
    </row>
    <row r="38" spans="1:26" ht="15" customHeight="1" x14ac:dyDescent="0.15">
      <c r="A38" s="40" t="s">
        <v>70</v>
      </c>
      <c r="B38" s="43" t="s">
        <v>23</v>
      </c>
      <c r="C38" s="43" t="s">
        <v>78</v>
      </c>
      <c r="D38" s="88"/>
      <c r="E38" s="8"/>
      <c r="F38" s="15"/>
      <c r="G38" s="96"/>
      <c r="H38" s="8">
        <v>0</v>
      </c>
      <c r="I38" s="8">
        <v>407.71999999999997</v>
      </c>
      <c r="J38" s="8">
        <v>0</v>
      </c>
      <c r="K38" s="8">
        <v>0</v>
      </c>
      <c r="L38" s="8">
        <v>109.63</v>
      </c>
      <c r="M38" s="8">
        <v>1.1499999999999999</v>
      </c>
      <c r="N38" s="8">
        <v>45</v>
      </c>
      <c r="O38" s="88">
        <v>59.109999999999992</v>
      </c>
      <c r="P38" s="88">
        <v>8.7100000000000009</v>
      </c>
      <c r="Q38" s="88">
        <v>1342.0600000000002</v>
      </c>
      <c r="R38" s="88">
        <v>1973.38</v>
      </c>
      <c r="S38" s="15" t="s">
        <v>4</v>
      </c>
      <c r="T38" s="88">
        <v>1973.38</v>
      </c>
      <c r="U38" s="105">
        <v>1973.38</v>
      </c>
      <c r="V38" s="8"/>
      <c r="W38" s="8"/>
      <c r="X38" s="8"/>
      <c r="Y38" s="29"/>
      <c r="Z38" s="8"/>
    </row>
    <row r="39" spans="1:26" ht="15" customHeight="1" x14ac:dyDescent="0.15">
      <c r="A39" s="40" t="s">
        <v>70</v>
      </c>
      <c r="B39" s="44" t="s">
        <v>23</v>
      </c>
      <c r="C39" s="65" t="s">
        <v>1</v>
      </c>
      <c r="D39" s="89">
        <v>375.58</v>
      </c>
      <c r="E39" s="6">
        <v>54.949999999999996</v>
      </c>
      <c r="F39" s="16">
        <v>6</v>
      </c>
      <c r="G39" s="97">
        <v>436.53</v>
      </c>
      <c r="H39" s="6">
        <v>3.3600000000000003</v>
      </c>
      <c r="I39" s="89">
        <v>1719.0700000000002</v>
      </c>
      <c r="J39" s="6">
        <v>89.909999999999982</v>
      </c>
      <c r="K39" s="89">
        <v>366.85</v>
      </c>
      <c r="L39" s="89">
        <v>207.26</v>
      </c>
      <c r="M39" s="89">
        <v>1870.15</v>
      </c>
      <c r="N39" s="89">
        <v>3064.8599999999997</v>
      </c>
      <c r="O39" s="89">
        <v>802.49</v>
      </c>
      <c r="P39" s="89">
        <v>1262.9100000000001</v>
      </c>
      <c r="Q39" s="89">
        <v>19655.390000000003</v>
      </c>
      <c r="R39" s="89">
        <v>29042.250000000004</v>
      </c>
      <c r="S39" s="16">
        <v>0.76</v>
      </c>
      <c r="T39" s="89">
        <v>29043.01</v>
      </c>
      <c r="U39" s="89">
        <v>29479.539999999997</v>
      </c>
      <c r="V39" s="89">
        <v>2234</v>
      </c>
      <c r="W39" s="89">
        <v>594</v>
      </c>
      <c r="X39" s="89">
        <v>2828</v>
      </c>
      <c r="Y39" s="89">
        <v>24991.460000000003</v>
      </c>
      <c r="Z39" s="89">
        <v>57299</v>
      </c>
    </row>
    <row r="40" spans="1:26" ht="15" customHeight="1" x14ac:dyDescent="0.15">
      <c r="A40" s="40" t="s">
        <v>70</v>
      </c>
      <c r="B40" s="42" t="s">
        <v>24</v>
      </c>
      <c r="C40" s="42" t="s">
        <v>79</v>
      </c>
      <c r="D40" s="87"/>
      <c r="E40" s="7"/>
      <c r="F40" s="14"/>
      <c r="G40" s="95"/>
      <c r="H40" s="7">
        <v>0.48</v>
      </c>
      <c r="I40" s="87">
        <v>29.53</v>
      </c>
      <c r="J40" s="7">
        <v>0</v>
      </c>
      <c r="K40" s="87">
        <v>53.059999999999995</v>
      </c>
      <c r="L40" s="87">
        <v>28.45</v>
      </c>
      <c r="M40" s="87">
        <v>238.13</v>
      </c>
      <c r="N40" s="87">
        <v>357.27</v>
      </c>
      <c r="O40" s="87">
        <v>126.19</v>
      </c>
      <c r="P40" s="87">
        <v>495.38</v>
      </c>
      <c r="Q40" s="87">
        <v>2735.37</v>
      </c>
      <c r="R40" s="87">
        <v>4063.8599999999997</v>
      </c>
      <c r="S40" s="14" t="s">
        <v>4</v>
      </c>
      <c r="T40" s="87">
        <v>4063.8599999999997</v>
      </c>
      <c r="U40" s="104">
        <v>4063.8599999999997</v>
      </c>
      <c r="V40" s="7"/>
      <c r="W40" s="7"/>
      <c r="X40" s="7"/>
      <c r="Y40" s="30"/>
      <c r="Z40" s="7"/>
    </row>
    <row r="41" spans="1:26" ht="15" customHeight="1" x14ac:dyDescent="0.15">
      <c r="A41" s="40" t="s">
        <v>70</v>
      </c>
      <c r="B41" s="43" t="s">
        <v>24</v>
      </c>
      <c r="C41" s="43" t="s">
        <v>80</v>
      </c>
      <c r="D41" s="88"/>
      <c r="E41" s="8"/>
      <c r="F41" s="15"/>
      <c r="G41" s="96"/>
      <c r="H41" s="8">
        <v>0</v>
      </c>
      <c r="I41" s="88">
        <v>490.44000000000005</v>
      </c>
      <c r="J41" s="8">
        <v>0</v>
      </c>
      <c r="K41" s="88">
        <v>786.83</v>
      </c>
      <c r="L41" s="88">
        <v>3826.3399999999997</v>
      </c>
      <c r="M41" s="88">
        <v>95.81</v>
      </c>
      <c r="N41" s="88">
        <v>713.18999999999994</v>
      </c>
      <c r="O41" s="88">
        <v>149.79000000000002</v>
      </c>
      <c r="P41" s="88">
        <v>270.70999999999998</v>
      </c>
      <c r="Q41" s="88">
        <v>11448.82</v>
      </c>
      <c r="R41" s="88">
        <v>17781.93</v>
      </c>
      <c r="S41" s="15" t="s">
        <v>4</v>
      </c>
      <c r="T41" s="88">
        <v>17781.93</v>
      </c>
      <c r="U41" s="105">
        <v>17781.93</v>
      </c>
      <c r="V41" s="8"/>
      <c r="W41" s="8"/>
      <c r="X41" s="8"/>
      <c r="Y41" s="29"/>
      <c r="Z41" s="8"/>
    </row>
    <row r="42" spans="1:26" ht="15" customHeight="1" x14ac:dyDescent="0.15">
      <c r="A42" s="40" t="s">
        <v>70</v>
      </c>
      <c r="B42" s="43" t="s">
        <v>24</v>
      </c>
      <c r="C42" s="43" t="s">
        <v>81</v>
      </c>
      <c r="D42" s="88"/>
      <c r="E42" s="8"/>
      <c r="F42" s="15"/>
      <c r="G42" s="96"/>
      <c r="H42" s="8">
        <v>5.69</v>
      </c>
      <c r="I42" s="88">
        <v>102.83999999999999</v>
      </c>
      <c r="J42" s="8">
        <v>639.16999999999996</v>
      </c>
      <c r="K42" s="88">
        <v>452.05</v>
      </c>
      <c r="L42" s="88">
        <v>940.22000000000014</v>
      </c>
      <c r="M42" s="88">
        <v>99.79</v>
      </c>
      <c r="N42" s="88">
        <v>1293.73</v>
      </c>
      <c r="O42" s="88">
        <v>95.64</v>
      </c>
      <c r="P42" s="88">
        <v>259.12</v>
      </c>
      <c r="Q42" s="88">
        <v>3652.48</v>
      </c>
      <c r="R42" s="88">
        <v>7540.73</v>
      </c>
      <c r="S42" s="15" t="s">
        <v>4</v>
      </c>
      <c r="T42" s="88">
        <v>7540.73</v>
      </c>
      <c r="U42" s="105">
        <v>7540.73</v>
      </c>
      <c r="V42" s="8"/>
      <c r="W42" s="8"/>
      <c r="X42" s="8"/>
      <c r="Y42" s="29"/>
      <c r="Z42" s="8"/>
    </row>
    <row r="43" spans="1:26" ht="15" customHeight="1" x14ac:dyDescent="0.15">
      <c r="A43" s="40" t="s">
        <v>70</v>
      </c>
      <c r="B43" s="45" t="s">
        <v>24</v>
      </c>
      <c r="C43" s="45" t="s">
        <v>1</v>
      </c>
      <c r="D43" s="90">
        <v>352.45</v>
      </c>
      <c r="E43" s="9">
        <v>162.95000000000002</v>
      </c>
      <c r="F43" s="17">
        <v>0</v>
      </c>
      <c r="G43" s="98">
        <v>515.4</v>
      </c>
      <c r="H43" s="9">
        <v>6.17</v>
      </c>
      <c r="I43" s="90">
        <v>622.81000000000006</v>
      </c>
      <c r="J43" s="9">
        <v>639.16999999999996</v>
      </c>
      <c r="K43" s="90">
        <v>1291.94</v>
      </c>
      <c r="L43" s="90">
        <v>4795.0099999999993</v>
      </c>
      <c r="M43" s="90">
        <v>433.73</v>
      </c>
      <c r="N43" s="90">
        <v>2364.19</v>
      </c>
      <c r="O43" s="90">
        <v>371.62</v>
      </c>
      <c r="P43" s="90">
        <v>1025.21</v>
      </c>
      <c r="Q43" s="90">
        <v>17836.669999999998</v>
      </c>
      <c r="R43" s="90">
        <v>29386.52</v>
      </c>
      <c r="S43" s="17" t="s">
        <v>4</v>
      </c>
      <c r="T43" s="90">
        <v>29386.52</v>
      </c>
      <c r="U43" s="90">
        <v>29901.920000000002</v>
      </c>
      <c r="V43" s="90">
        <v>2726</v>
      </c>
      <c r="W43" s="90">
        <v>309</v>
      </c>
      <c r="X43" s="90">
        <v>3035</v>
      </c>
      <c r="Y43" s="90">
        <v>9156.0799999999981</v>
      </c>
      <c r="Z43" s="90">
        <v>42093</v>
      </c>
    </row>
    <row r="44" spans="1:26" ht="15" customHeight="1" x14ac:dyDescent="0.15">
      <c r="A44" s="40" t="s">
        <v>70</v>
      </c>
      <c r="B44" s="67" t="s">
        <v>16</v>
      </c>
      <c r="C44" s="67" t="s">
        <v>16</v>
      </c>
      <c r="D44" s="91">
        <v>728.03</v>
      </c>
      <c r="E44" s="3">
        <v>217.9</v>
      </c>
      <c r="F44" s="18">
        <v>6</v>
      </c>
      <c r="G44" s="99">
        <v>951.93</v>
      </c>
      <c r="H44" s="3">
        <v>9.5300000000000011</v>
      </c>
      <c r="I44" s="91">
        <v>2341.88</v>
      </c>
      <c r="J44" s="3">
        <v>729.07999999999993</v>
      </c>
      <c r="K44" s="91">
        <v>1658.79</v>
      </c>
      <c r="L44" s="91">
        <v>5002.2699999999995</v>
      </c>
      <c r="M44" s="91">
        <v>2303.88</v>
      </c>
      <c r="N44" s="91">
        <v>5429.0499999999993</v>
      </c>
      <c r="O44" s="91">
        <v>1174.1100000000001</v>
      </c>
      <c r="P44" s="91">
        <v>2288.12</v>
      </c>
      <c r="Q44" s="91">
        <v>37492.06</v>
      </c>
      <c r="R44" s="91">
        <v>58428.770000000004</v>
      </c>
      <c r="S44" s="18">
        <v>0.76</v>
      </c>
      <c r="T44" s="91">
        <v>58429.530000000006</v>
      </c>
      <c r="U44" s="91">
        <v>59381.460000000006</v>
      </c>
      <c r="V44" s="91">
        <v>4960</v>
      </c>
      <c r="W44" s="91">
        <v>903</v>
      </c>
      <c r="X44" s="91">
        <v>5863</v>
      </c>
      <c r="Y44" s="91">
        <v>34147.539999999994</v>
      </c>
      <c r="Z44" s="91">
        <v>99392</v>
      </c>
    </row>
    <row r="45" spans="1:26" ht="15" customHeight="1" x14ac:dyDescent="0.15">
      <c r="A45" s="40" t="s">
        <v>70</v>
      </c>
      <c r="B45" s="41" t="s">
        <v>25</v>
      </c>
      <c r="C45" s="41" t="s">
        <v>82</v>
      </c>
      <c r="D45" s="92"/>
      <c r="E45" s="10"/>
      <c r="F45" s="19"/>
      <c r="G45" s="100"/>
      <c r="H45" s="10">
        <v>3.4799999999999995</v>
      </c>
      <c r="I45" s="10">
        <v>294.48</v>
      </c>
      <c r="J45" s="10">
        <v>88.82</v>
      </c>
      <c r="K45" s="92">
        <v>1178.3000000000002</v>
      </c>
      <c r="L45" s="10">
        <v>816.27</v>
      </c>
      <c r="M45" s="10">
        <v>30.33</v>
      </c>
      <c r="N45" s="10">
        <v>614.80999999999983</v>
      </c>
      <c r="O45" s="92">
        <v>167.05000000000004</v>
      </c>
      <c r="P45" s="92">
        <v>149.51</v>
      </c>
      <c r="Q45" s="92">
        <v>7283.89</v>
      </c>
      <c r="R45" s="92">
        <v>10626.94</v>
      </c>
      <c r="S45" s="19" t="s">
        <v>4</v>
      </c>
      <c r="T45" s="92">
        <v>10626.94</v>
      </c>
      <c r="U45" s="106">
        <v>10626.94</v>
      </c>
      <c r="V45" s="10"/>
      <c r="W45" s="10"/>
      <c r="X45" s="10"/>
      <c r="Y45" s="28"/>
      <c r="Z45" s="10"/>
    </row>
    <row r="46" spans="1:26" ht="15" customHeight="1" x14ac:dyDescent="0.15">
      <c r="A46" s="40" t="s">
        <v>70</v>
      </c>
      <c r="B46" s="43" t="s">
        <v>25</v>
      </c>
      <c r="C46" s="43" t="s">
        <v>83</v>
      </c>
      <c r="D46" s="88"/>
      <c r="E46" s="8"/>
      <c r="F46" s="15"/>
      <c r="G46" s="96"/>
      <c r="H46" s="8">
        <v>1.6</v>
      </c>
      <c r="I46" s="8">
        <v>113.91</v>
      </c>
      <c r="J46" s="8">
        <v>0</v>
      </c>
      <c r="K46" s="8">
        <v>0</v>
      </c>
      <c r="L46" s="8">
        <v>0</v>
      </c>
      <c r="M46" s="8">
        <v>3.9599999999999995</v>
      </c>
      <c r="N46" s="8">
        <v>111</v>
      </c>
      <c r="O46" s="88">
        <v>133.73000000000002</v>
      </c>
      <c r="P46" s="88">
        <v>23.56</v>
      </c>
      <c r="Q46" s="88">
        <v>1273.81</v>
      </c>
      <c r="R46" s="88">
        <v>1661.57</v>
      </c>
      <c r="S46" s="15" t="s">
        <v>4</v>
      </c>
      <c r="T46" s="88">
        <v>1661.57</v>
      </c>
      <c r="U46" s="105">
        <v>1661.57</v>
      </c>
      <c r="V46" s="8"/>
      <c r="W46" s="8"/>
      <c r="X46" s="8"/>
      <c r="Y46" s="29"/>
      <c r="Z46" s="8"/>
    </row>
    <row r="47" spans="1:26" ht="15" customHeight="1" x14ac:dyDescent="0.15">
      <c r="A47" s="40" t="s">
        <v>70</v>
      </c>
      <c r="B47" s="43" t="s">
        <v>25</v>
      </c>
      <c r="C47" s="43" t="s">
        <v>84</v>
      </c>
      <c r="D47" s="91"/>
      <c r="E47" s="3"/>
      <c r="F47" s="3"/>
      <c r="G47" s="99"/>
      <c r="H47" s="3">
        <v>11.34</v>
      </c>
      <c r="I47" s="3">
        <v>148.72</v>
      </c>
      <c r="J47" s="3">
        <v>0</v>
      </c>
      <c r="K47" s="3">
        <v>625.44000000000005</v>
      </c>
      <c r="L47" s="3">
        <v>25.72</v>
      </c>
      <c r="M47" s="3">
        <v>0.08</v>
      </c>
      <c r="N47" s="3">
        <v>415.92</v>
      </c>
      <c r="O47" s="91">
        <v>46.279999999999994</v>
      </c>
      <c r="P47" s="91">
        <v>55.87</v>
      </c>
      <c r="Q47" s="91">
        <v>2405.6499999999996</v>
      </c>
      <c r="R47" s="91">
        <v>3735.0199999999995</v>
      </c>
      <c r="S47" s="18" t="s">
        <v>4</v>
      </c>
      <c r="T47" s="91">
        <v>3735.0199999999995</v>
      </c>
      <c r="U47" s="107">
        <v>3735.0199999999995</v>
      </c>
      <c r="V47" s="3"/>
      <c r="W47" s="3"/>
      <c r="X47" s="3"/>
      <c r="Y47" s="33"/>
      <c r="Z47" s="3"/>
    </row>
    <row r="48" spans="1:26" ht="15" customHeight="1" x14ac:dyDescent="0.15">
      <c r="A48" s="40" t="s">
        <v>70</v>
      </c>
      <c r="B48" s="43" t="s">
        <v>25</v>
      </c>
      <c r="C48" s="43" t="s">
        <v>85</v>
      </c>
      <c r="D48" s="92"/>
      <c r="E48" s="10"/>
      <c r="F48" s="19"/>
      <c r="G48" s="100"/>
      <c r="H48" s="10">
        <v>4.3999999999999995</v>
      </c>
      <c r="I48" s="10">
        <v>83.68</v>
      </c>
      <c r="J48" s="10">
        <v>0.22</v>
      </c>
      <c r="K48" s="92">
        <v>1051.8999999999999</v>
      </c>
      <c r="L48" s="92">
        <v>31.21</v>
      </c>
      <c r="M48" s="10">
        <v>3.2300000000000004</v>
      </c>
      <c r="N48" s="10">
        <v>174.04000000000002</v>
      </c>
      <c r="O48" s="92">
        <v>109.24</v>
      </c>
      <c r="P48" s="92">
        <v>42.419999999999995</v>
      </c>
      <c r="Q48" s="92">
        <v>4737.63</v>
      </c>
      <c r="R48" s="92">
        <v>6237.97</v>
      </c>
      <c r="S48" s="19" t="s">
        <v>4</v>
      </c>
      <c r="T48" s="92">
        <v>6237.97</v>
      </c>
      <c r="U48" s="106">
        <v>6237.97</v>
      </c>
      <c r="V48" s="10"/>
      <c r="W48" s="10"/>
      <c r="X48" s="10"/>
      <c r="Y48" s="28"/>
      <c r="Z48" s="10"/>
    </row>
    <row r="49" spans="1:26" ht="15" customHeight="1" x14ac:dyDescent="0.15">
      <c r="A49" s="40" t="s">
        <v>70</v>
      </c>
      <c r="B49" s="43" t="s">
        <v>25</v>
      </c>
      <c r="C49" s="43" t="s">
        <v>86</v>
      </c>
      <c r="D49" s="88"/>
      <c r="E49" s="8"/>
      <c r="F49" s="15"/>
      <c r="G49" s="96"/>
      <c r="H49" s="8">
        <v>404.5</v>
      </c>
      <c r="I49" s="8">
        <v>295.79000000000002</v>
      </c>
      <c r="J49" s="8">
        <v>0</v>
      </c>
      <c r="K49" s="88">
        <v>522.73</v>
      </c>
      <c r="L49" s="88">
        <v>1300.9100000000001</v>
      </c>
      <c r="M49" s="8">
        <v>0.84</v>
      </c>
      <c r="N49" s="8">
        <v>257</v>
      </c>
      <c r="O49" s="88">
        <v>41.83</v>
      </c>
      <c r="P49" s="88">
        <v>1083.92</v>
      </c>
      <c r="Q49" s="88">
        <v>5395.1500000000005</v>
      </c>
      <c r="R49" s="88">
        <v>9302.6700000000019</v>
      </c>
      <c r="S49" s="15">
        <v>0.26</v>
      </c>
      <c r="T49" s="88">
        <v>9302.9300000000021</v>
      </c>
      <c r="U49" s="105">
        <v>9302.9300000000021</v>
      </c>
      <c r="V49" s="8"/>
      <c r="W49" s="8"/>
      <c r="X49" s="8"/>
      <c r="Y49" s="29"/>
      <c r="Z49" s="8"/>
    </row>
    <row r="50" spans="1:26" ht="15" customHeight="1" x14ac:dyDescent="0.15">
      <c r="A50" s="40" t="s">
        <v>70</v>
      </c>
      <c r="B50" s="43" t="s">
        <v>25</v>
      </c>
      <c r="C50" s="43" t="s">
        <v>87</v>
      </c>
      <c r="D50" s="88"/>
      <c r="E50" s="8"/>
      <c r="F50" s="15"/>
      <c r="G50" s="96"/>
      <c r="H50" s="8">
        <v>157.85</v>
      </c>
      <c r="I50" s="8">
        <v>120.75</v>
      </c>
      <c r="J50" s="8">
        <v>0</v>
      </c>
      <c r="K50" s="88">
        <v>1136.9299999999998</v>
      </c>
      <c r="L50" s="88">
        <v>344.84</v>
      </c>
      <c r="M50" s="8">
        <v>0</v>
      </c>
      <c r="N50" s="8">
        <v>306.21999999999997</v>
      </c>
      <c r="O50" s="88">
        <v>76.429999999999993</v>
      </c>
      <c r="P50" s="88">
        <v>1130.01</v>
      </c>
      <c r="Q50" s="88">
        <v>5503.68</v>
      </c>
      <c r="R50" s="88">
        <v>8776.7099999999991</v>
      </c>
      <c r="S50" s="15">
        <v>0.22</v>
      </c>
      <c r="T50" s="88">
        <v>8776.9299999999985</v>
      </c>
      <c r="U50" s="105">
        <v>8776.9299999999985</v>
      </c>
      <c r="V50" s="8"/>
      <c r="W50" s="8"/>
      <c r="X50" s="8"/>
      <c r="Y50" s="29"/>
      <c r="Z50" s="8"/>
    </row>
    <row r="51" spans="1:26" ht="15" customHeight="1" x14ac:dyDescent="0.15">
      <c r="A51" s="40" t="s">
        <v>70</v>
      </c>
      <c r="B51" s="44" t="s">
        <v>25</v>
      </c>
      <c r="C51" s="44" t="s">
        <v>1</v>
      </c>
      <c r="D51" s="89">
        <v>2607.08</v>
      </c>
      <c r="E51" s="6">
        <v>583.57000000000005</v>
      </c>
      <c r="F51" s="16">
        <v>0</v>
      </c>
      <c r="G51" s="97">
        <v>3190.65</v>
      </c>
      <c r="H51" s="6">
        <v>583.16999999999996</v>
      </c>
      <c r="I51" s="89">
        <v>1057.33</v>
      </c>
      <c r="J51" s="6">
        <v>89.039999999999992</v>
      </c>
      <c r="K51" s="89">
        <v>4515.3</v>
      </c>
      <c r="L51" s="89">
        <v>2518.9500000000003</v>
      </c>
      <c r="M51" s="6">
        <v>38.44</v>
      </c>
      <c r="N51" s="6">
        <v>1878.9899999999998</v>
      </c>
      <c r="O51" s="89">
        <v>574.56000000000006</v>
      </c>
      <c r="P51" s="89">
        <v>2485.29</v>
      </c>
      <c r="Q51" s="89">
        <v>26599.81</v>
      </c>
      <c r="R51" s="89">
        <v>40340.880000000005</v>
      </c>
      <c r="S51" s="16">
        <v>0.48</v>
      </c>
      <c r="T51" s="89">
        <v>40341.360000000008</v>
      </c>
      <c r="U51" s="89">
        <v>43532.010000000009</v>
      </c>
      <c r="V51" s="89">
        <v>1896</v>
      </c>
      <c r="W51" s="89">
        <v>312</v>
      </c>
      <c r="X51" s="89">
        <v>2208</v>
      </c>
      <c r="Y51" s="89">
        <v>9577.9899999999834</v>
      </c>
      <c r="Z51" s="89">
        <v>55317.999999999993</v>
      </c>
    </row>
    <row r="52" spans="1:26" ht="15" customHeight="1" x14ac:dyDescent="0.15">
      <c r="A52" s="40" t="s">
        <v>70</v>
      </c>
      <c r="B52" s="43" t="s">
        <v>88</v>
      </c>
      <c r="C52" s="43" t="s">
        <v>89</v>
      </c>
      <c r="D52" s="88"/>
      <c r="E52" s="8"/>
      <c r="F52" s="15"/>
      <c r="G52" s="96"/>
      <c r="H52" s="8">
        <v>90.31</v>
      </c>
      <c r="I52" s="8">
        <v>520.09</v>
      </c>
      <c r="J52" s="8">
        <v>0.19</v>
      </c>
      <c r="K52" s="8">
        <v>950.75</v>
      </c>
      <c r="L52" s="8">
        <v>1776.83</v>
      </c>
      <c r="M52" s="8">
        <v>2.4500000000000002</v>
      </c>
      <c r="N52" s="8">
        <v>828.46999999999991</v>
      </c>
      <c r="O52" s="88">
        <v>72.52</v>
      </c>
      <c r="P52" s="88">
        <v>578.12</v>
      </c>
      <c r="Q52" s="88">
        <v>9280.2699999999986</v>
      </c>
      <c r="R52" s="88">
        <v>14100</v>
      </c>
      <c r="S52" s="15" t="s">
        <v>4</v>
      </c>
      <c r="T52" s="88">
        <v>14100</v>
      </c>
      <c r="U52" s="105">
        <v>14100</v>
      </c>
      <c r="V52" s="8"/>
      <c r="W52" s="8"/>
      <c r="X52" s="8"/>
      <c r="Y52" s="29"/>
      <c r="Z52" s="8"/>
    </row>
    <row r="53" spans="1:26" ht="15" customHeight="1" x14ac:dyDescent="0.15">
      <c r="A53" s="40" t="s">
        <v>70</v>
      </c>
      <c r="B53" s="43" t="s">
        <v>88</v>
      </c>
      <c r="C53" s="43" t="s">
        <v>90</v>
      </c>
      <c r="D53" s="88"/>
      <c r="E53" s="8"/>
      <c r="F53" s="15"/>
      <c r="G53" s="96"/>
      <c r="H53" s="8">
        <v>40.06</v>
      </c>
      <c r="I53" s="8">
        <v>471.96999999999997</v>
      </c>
      <c r="J53" s="8">
        <v>0</v>
      </c>
      <c r="K53" s="8">
        <v>890.04</v>
      </c>
      <c r="L53" s="8">
        <v>3050.6099999999997</v>
      </c>
      <c r="M53" s="8">
        <v>31.61</v>
      </c>
      <c r="N53" s="8">
        <v>419.81</v>
      </c>
      <c r="O53" s="88">
        <v>69.579999999999984</v>
      </c>
      <c r="P53" s="88">
        <v>532.03</v>
      </c>
      <c r="Q53" s="88">
        <v>8895.07</v>
      </c>
      <c r="R53" s="88">
        <v>14400.779999999999</v>
      </c>
      <c r="S53" s="15" t="s">
        <v>4</v>
      </c>
      <c r="T53" s="88">
        <v>14400.779999999999</v>
      </c>
      <c r="U53" s="105">
        <v>14400.779999999999</v>
      </c>
      <c r="V53" s="8"/>
      <c r="W53" s="8"/>
      <c r="X53" s="8"/>
      <c r="Y53" s="29"/>
      <c r="Z53" s="8"/>
    </row>
    <row r="54" spans="1:26" ht="15" customHeight="1" x14ac:dyDescent="0.15">
      <c r="A54" s="40" t="s">
        <v>70</v>
      </c>
      <c r="B54" s="43" t="s">
        <v>88</v>
      </c>
      <c r="C54" s="65" t="s">
        <v>1</v>
      </c>
      <c r="D54" s="89">
        <v>1925.64</v>
      </c>
      <c r="E54" s="6">
        <v>183.54</v>
      </c>
      <c r="F54" s="16">
        <v>1</v>
      </c>
      <c r="G54" s="97">
        <v>2110.1800000000003</v>
      </c>
      <c r="H54" s="6">
        <v>130.37</v>
      </c>
      <c r="I54" s="6">
        <v>992.06</v>
      </c>
      <c r="J54" s="6">
        <v>0.19</v>
      </c>
      <c r="K54" s="6">
        <v>1840.79</v>
      </c>
      <c r="L54" s="6">
        <v>4827.4399999999996</v>
      </c>
      <c r="M54" s="6">
        <v>34.06</v>
      </c>
      <c r="N54" s="6">
        <v>1248.28</v>
      </c>
      <c r="O54" s="89">
        <v>142.09999999999997</v>
      </c>
      <c r="P54" s="89">
        <v>1110.1500000000001</v>
      </c>
      <c r="Q54" s="89">
        <v>18175.339999999997</v>
      </c>
      <c r="R54" s="89">
        <v>28500.78</v>
      </c>
      <c r="S54" s="16" t="s">
        <v>4</v>
      </c>
      <c r="T54" s="89">
        <v>28500.78</v>
      </c>
      <c r="U54" s="6">
        <v>30610.959999999999</v>
      </c>
      <c r="V54" s="97">
        <v>1719</v>
      </c>
      <c r="W54" s="97">
        <v>332</v>
      </c>
      <c r="X54" s="97">
        <v>2051</v>
      </c>
      <c r="Y54" s="97">
        <v>4139.0400000000009</v>
      </c>
      <c r="Z54" s="97">
        <v>36801</v>
      </c>
    </row>
    <row r="55" spans="1:26" ht="15" customHeight="1" x14ac:dyDescent="0.15">
      <c r="A55" s="40" t="s">
        <v>70</v>
      </c>
      <c r="B55" s="42" t="s">
        <v>26</v>
      </c>
      <c r="C55" s="42" t="s">
        <v>91</v>
      </c>
      <c r="D55" s="87"/>
      <c r="E55" s="7"/>
      <c r="F55" s="14"/>
      <c r="G55" s="95"/>
      <c r="H55" s="7">
        <v>510.77000000000004</v>
      </c>
      <c r="I55" s="7">
        <v>650.04</v>
      </c>
      <c r="J55" s="7">
        <v>0</v>
      </c>
      <c r="K55" s="7">
        <v>807.45</v>
      </c>
      <c r="L55" s="7">
        <v>600.28</v>
      </c>
      <c r="M55" s="7">
        <v>35.250000000000007</v>
      </c>
      <c r="N55" s="7">
        <v>801.36999999999989</v>
      </c>
      <c r="O55" s="87">
        <v>59.28</v>
      </c>
      <c r="P55" s="87">
        <v>992.67</v>
      </c>
      <c r="Q55" s="87">
        <v>6175.9400000000005</v>
      </c>
      <c r="R55" s="87">
        <v>10633.05</v>
      </c>
      <c r="S55" s="14">
        <v>0.2</v>
      </c>
      <c r="T55" s="87">
        <v>10633.25</v>
      </c>
      <c r="U55" s="104">
        <v>10633.25</v>
      </c>
      <c r="V55" s="95"/>
      <c r="W55" s="95"/>
      <c r="X55" s="95"/>
      <c r="Y55" s="95"/>
      <c r="Z55" s="95"/>
    </row>
    <row r="56" spans="1:26" ht="15" customHeight="1" x14ac:dyDescent="0.15">
      <c r="A56" s="40" t="s">
        <v>70</v>
      </c>
      <c r="B56" s="43" t="s">
        <v>26</v>
      </c>
      <c r="C56" s="43" t="s">
        <v>92</v>
      </c>
      <c r="D56" s="88"/>
      <c r="E56" s="8"/>
      <c r="F56" s="15"/>
      <c r="G56" s="96"/>
      <c r="H56" s="8">
        <v>989.68</v>
      </c>
      <c r="I56" s="8">
        <v>620.76</v>
      </c>
      <c r="J56" s="8">
        <v>0</v>
      </c>
      <c r="K56" s="8">
        <v>665.91000000000008</v>
      </c>
      <c r="L56" s="8">
        <v>796.9899999999999</v>
      </c>
      <c r="M56" s="8">
        <v>0</v>
      </c>
      <c r="N56" s="8">
        <v>266.53000000000003</v>
      </c>
      <c r="O56" s="88">
        <v>19.850000000000001</v>
      </c>
      <c r="P56" s="88">
        <v>122.47000000000001</v>
      </c>
      <c r="Q56" s="88">
        <v>6227.6</v>
      </c>
      <c r="R56" s="88">
        <v>9709.7900000000009</v>
      </c>
      <c r="S56" s="15" t="s">
        <v>4</v>
      </c>
      <c r="T56" s="88">
        <v>9709.7900000000009</v>
      </c>
      <c r="U56" s="105">
        <v>9709.7900000000009</v>
      </c>
      <c r="V56" s="96"/>
      <c r="W56" s="96"/>
      <c r="X56" s="96"/>
      <c r="Y56" s="96"/>
      <c r="Z56" s="96"/>
    </row>
    <row r="57" spans="1:26" ht="15" customHeight="1" x14ac:dyDescent="0.15">
      <c r="A57" s="40" t="s">
        <v>70</v>
      </c>
      <c r="B57" s="45" t="s">
        <v>26</v>
      </c>
      <c r="C57" s="71" t="s">
        <v>1</v>
      </c>
      <c r="D57" s="90">
        <v>440.55</v>
      </c>
      <c r="E57" s="9">
        <v>176.64</v>
      </c>
      <c r="F57" s="17">
        <v>0</v>
      </c>
      <c r="G57" s="98">
        <v>617.19000000000005</v>
      </c>
      <c r="H57" s="90">
        <v>1500.45</v>
      </c>
      <c r="I57" s="90">
        <v>1270.8</v>
      </c>
      <c r="J57" s="9">
        <v>0</v>
      </c>
      <c r="K57" s="9">
        <v>1473.3600000000001</v>
      </c>
      <c r="L57" s="9">
        <v>1397.27</v>
      </c>
      <c r="M57" s="9">
        <v>35.250000000000007</v>
      </c>
      <c r="N57" s="9">
        <v>1067.8999999999999</v>
      </c>
      <c r="O57" s="90">
        <v>79.13</v>
      </c>
      <c r="P57" s="90">
        <v>1115.1399999999999</v>
      </c>
      <c r="Q57" s="90">
        <v>12403.54</v>
      </c>
      <c r="R57" s="90">
        <v>20342.840000000004</v>
      </c>
      <c r="S57" s="17">
        <v>0.2</v>
      </c>
      <c r="T57" s="90">
        <v>20343.040000000005</v>
      </c>
      <c r="U57" s="90">
        <v>20960.230000000003</v>
      </c>
      <c r="V57" s="98">
        <v>950</v>
      </c>
      <c r="W57" s="98">
        <v>132</v>
      </c>
      <c r="X57" s="98">
        <v>1081</v>
      </c>
      <c r="Y57" s="98">
        <v>2246.7699999999968</v>
      </c>
      <c r="Z57" s="98">
        <v>24288</v>
      </c>
    </row>
    <row r="58" spans="1:26" ht="15" customHeight="1" x14ac:dyDescent="0.15">
      <c r="A58" s="40" t="s">
        <v>70</v>
      </c>
      <c r="B58" s="64" t="s">
        <v>16</v>
      </c>
      <c r="C58" s="67" t="s">
        <v>16</v>
      </c>
      <c r="D58" s="91">
        <v>4973.2700000000004</v>
      </c>
      <c r="E58" s="3">
        <v>943.75</v>
      </c>
      <c r="F58" s="18">
        <v>1</v>
      </c>
      <c r="G58" s="99">
        <v>5918.02</v>
      </c>
      <c r="H58" s="91">
        <v>2213.9900000000002</v>
      </c>
      <c r="I58" s="91">
        <v>3320.1899999999996</v>
      </c>
      <c r="J58" s="3">
        <v>89.22999999999999</v>
      </c>
      <c r="K58" s="3">
        <v>7829.4500000000007</v>
      </c>
      <c r="L58" s="3">
        <v>8743.66</v>
      </c>
      <c r="M58" s="3">
        <v>107.75</v>
      </c>
      <c r="N58" s="3">
        <v>4195.17</v>
      </c>
      <c r="O58" s="91">
        <v>795.79</v>
      </c>
      <c r="P58" s="91">
        <v>4710.58</v>
      </c>
      <c r="Q58" s="91">
        <v>57178.69</v>
      </c>
      <c r="R58" s="91">
        <v>89184.5</v>
      </c>
      <c r="S58" s="18">
        <v>0.67999999999999994</v>
      </c>
      <c r="T58" s="91">
        <v>89185.18</v>
      </c>
      <c r="U58" s="91">
        <v>95103.2</v>
      </c>
      <c r="V58" s="99">
        <v>4565</v>
      </c>
      <c r="W58" s="99">
        <v>776</v>
      </c>
      <c r="X58" s="99">
        <v>5340</v>
      </c>
      <c r="Y58" s="99">
        <v>15963.800000000003</v>
      </c>
      <c r="Z58" s="99">
        <v>116407</v>
      </c>
    </row>
    <row r="59" spans="1:26" ht="15" customHeight="1" x14ac:dyDescent="0.15">
      <c r="A59" s="40" t="s">
        <v>70</v>
      </c>
      <c r="B59" s="72" t="s">
        <v>27</v>
      </c>
      <c r="C59" s="41" t="s">
        <v>93</v>
      </c>
      <c r="D59" s="92"/>
      <c r="E59" s="10"/>
      <c r="F59" s="19"/>
      <c r="G59" s="100"/>
      <c r="H59" s="92">
        <v>61.779999999999994</v>
      </c>
      <c r="I59" s="92">
        <v>1499.9900000000002</v>
      </c>
      <c r="J59" s="10">
        <v>4.5600000000000005</v>
      </c>
      <c r="K59" s="10">
        <v>249.61</v>
      </c>
      <c r="L59" s="10">
        <v>0</v>
      </c>
      <c r="M59" s="10">
        <v>296.98</v>
      </c>
      <c r="N59" s="10">
        <v>591.73</v>
      </c>
      <c r="O59" s="92">
        <v>277.66000000000003</v>
      </c>
      <c r="P59" s="92">
        <v>280.94</v>
      </c>
      <c r="Q59" s="92">
        <v>5449.3199999999988</v>
      </c>
      <c r="R59" s="92">
        <v>8712.57</v>
      </c>
      <c r="S59" s="19">
        <v>2.12</v>
      </c>
      <c r="T59" s="92">
        <v>8714.69</v>
      </c>
      <c r="U59" s="106">
        <v>8714.69</v>
      </c>
      <c r="V59" s="10"/>
      <c r="W59" s="10"/>
      <c r="X59" s="10"/>
      <c r="Y59" s="28"/>
      <c r="Z59" s="10"/>
    </row>
    <row r="60" spans="1:26" ht="15" customHeight="1" x14ac:dyDescent="0.15">
      <c r="A60" s="40" t="s">
        <v>70</v>
      </c>
      <c r="B60" s="43" t="s">
        <v>27</v>
      </c>
      <c r="C60" s="43" t="s">
        <v>94</v>
      </c>
      <c r="D60" s="88"/>
      <c r="E60" s="8"/>
      <c r="F60" s="15"/>
      <c r="G60" s="96"/>
      <c r="H60" s="8">
        <v>3.41</v>
      </c>
      <c r="I60" s="8">
        <v>977.66999999999985</v>
      </c>
      <c r="J60" s="8">
        <v>0</v>
      </c>
      <c r="K60" s="8">
        <v>86.429999999999993</v>
      </c>
      <c r="L60" s="8">
        <v>0</v>
      </c>
      <c r="M60" s="8">
        <v>135.28000000000003</v>
      </c>
      <c r="N60" s="8">
        <v>954.30000000000007</v>
      </c>
      <c r="O60" s="88">
        <v>574.36</v>
      </c>
      <c r="P60" s="88">
        <v>271.76</v>
      </c>
      <c r="Q60" s="88">
        <v>4816.59</v>
      </c>
      <c r="R60" s="88">
        <v>7819.8</v>
      </c>
      <c r="S60" s="15" t="s">
        <v>4</v>
      </c>
      <c r="T60" s="88">
        <v>7819.8</v>
      </c>
      <c r="U60" s="105">
        <v>7819.8</v>
      </c>
      <c r="V60" s="8"/>
      <c r="W60" s="8"/>
      <c r="X60" s="8"/>
      <c r="Y60" s="29"/>
      <c r="Z60" s="8"/>
    </row>
    <row r="61" spans="1:26" ht="15" customHeight="1" x14ac:dyDescent="0.15">
      <c r="A61" s="40" t="s">
        <v>70</v>
      </c>
      <c r="B61" s="43" t="s">
        <v>27</v>
      </c>
      <c r="C61" s="43" t="s">
        <v>95</v>
      </c>
      <c r="D61" s="88"/>
      <c r="E61" s="8"/>
      <c r="F61" s="15"/>
      <c r="G61" s="96"/>
      <c r="H61" s="8">
        <v>36.400000000000006</v>
      </c>
      <c r="I61" s="8">
        <v>544.21</v>
      </c>
      <c r="J61" s="8">
        <v>2.52</v>
      </c>
      <c r="K61" s="8">
        <v>709.37999999999988</v>
      </c>
      <c r="L61" s="8">
        <v>90.179999999999993</v>
      </c>
      <c r="M61" s="8">
        <v>35.01</v>
      </c>
      <c r="N61" s="8">
        <v>220.14999999999998</v>
      </c>
      <c r="O61" s="88">
        <v>143.87</v>
      </c>
      <c r="P61" s="88">
        <v>562.26</v>
      </c>
      <c r="Q61" s="88">
        <v>6765.9800000000014</v>
      </c>
      <c r="R61" s="88">
        <v>9109.9600000000009</v>
      </c>
      <c r="S61" s="15" t="s">
        <v>4</v>
      </c>
      <c r="T61" s="88">
        <v>9109.9600000000009</v>
      </c>
      <c r="U61" s="105">
        <v>9109.9600000000009</v>
      </c>
      <c r="V61" s="8"/>
      <c r="W61" s="8"/>
      <c r="X61" s="8"/>
      <c r="Y61" s="29"/>
      <c r="Z61" s="8"/>
    </row>
    <row r="62" spans="1:26" ht="15" customHeight="1" x14ac:dyDescent="0.15">
      <c r="A62" s="40" t="s">
        <v>70</v>
      </c>
      <c r="B62" s="43" t="s">
        <v>27</v>
      </c>
      <c r="C62" s="43" t="s">
        <v>96</v>
      </c>
      <c r="D62" s="88"/>
      <c r="E62" s="8"/>
      <c r="F62" s="15"/>
      <c r="G62" s="96"/>
      <c r="H62" s="8">
        <v>0</v>
      </c>
      <c r="I62" s="8">
        <v>590.28</v>
      </c>
      <c r="J62" s="8">
        <v>0</v>
      </c>
      <c r="K62" s="8">
        <v>0</v>
      </c>
      <c r="L62" s="8">
        <v>268.10000000000002</v>
      </c>
      <c r="M62" s="8">
        <v>20.62</v>
      </c>
      <c r="N62" s="8">
        <v>230.06</v>
      </c>
      <c r="O62" s="88">
        <v>141.39000000000001</v>
      </c>
      <c r="P62" s="88">
        <v>425.74000000000007</v>
      </c>
      <c r="Q62" s="88">
        <v>2690.23</v>
      </c>
      <c r="R62" s="88">
        <v>4366.42</v>
      </c>
      <c r="S62" s="15" t="s">
        <v>4</v>
      </c>
      <c r="T62" s="88">
        <v>4366.42</v>
      </c>
      <c r="U62" s="105">
        <v>4366.42</v>
      </c>
      <c r="V62" s="8"/>
      <c r="W62" s="8"/>
      <c r="X62" s="8"/>
      <c r="Y62" s="29"/>
      <c r="Z62" s="8"/>
    </row>
    <row r="63" spans="1:26" ht="15" customHeight="1" x14ac:dyDescent="0.15">
      <c r="A63" s="40" t="s">
        <v>70</v>
      </c>
      <c r="B63" s="43" t="s">
        <v>27</v>
      </c>
      <c r="C63" s="43" t="s">
        <v>97</v>
      </c>
      <c r="D63" s="88"/>
      <c r="E63" s="8"/>
      <c r="F63" s="15"/>
      <c r="G63" s="96"/>
      <c r="H63" s="8">
        <v>0</v>
      </c>
      <c r="I63" s="8">
        <v>122.09</v>
      </c>
      <c r="J63" s="8">
        <v>0</v>
      </c>
      <c r="K63" s="8">
        <v>0</v>
      </c>
      <c r="L63" s="8">
        <v>0</v>
      </c>
      <c r="M63" s="8">
        <v>2.81</v>
      </c>
      <c r="N63" s="8">
        <v>75.159999999999982</v>
      </c>
      <c r="O63" s="88">
        <v>46.17</v>
      </c>
      <c r="P63" s="88">
        <v>4.18</v>
      </c>
      <c r="Q63" s="88">
        <v>989.45999999999992</v>
      </c>
      <c r="R63" s="88">
        <v>1239.8699999999999</v>
      </c>
      <c r="S63" s="15" t="s">
        <v>4</v>
      </c>
      <c r="T63" s="88">
        <v>1239.8699999999999</v>
      </c>
      <c r="U63" s="105">
        <v>1239.8699999999999</v>
      </c>
      <c r="V63" s="8"/>
      <c r="W63" s="8"/>
      <c r="X63" s="8"/>
      <c r="Y63" s="29"/>
      <c r="Z63" s="8"/>
    </row>
    <row r="64" spans="1:26" ht="15" customHeight="1" x14ac:dyDescent="0.15">
      <c r="A64" s="40" t="s">
        <v>70</v>
      </c>
      <c r="B64" s="43" t="s">
        <v>27</v>
      </c>
      <c r="C64" s="43" t="s">
        <v>98</v>
      </c>
      <c r="D64" s="88"/>
      <c r="E64" s="8"/>
      <c r="F64" s="15"/>
      <c r="G64" s="96"/>
      <c r="H64" s="8">
        <v>14.850000000000001</v>
      </c>
      <c r="I64" s="8">
        <v>187.33</v>
      </c>
      <c r="J64" s="8">
        <v>5.8</v>
      </c>
      <c r="K64" s="8">
        <v>164.79000000000002</v>
      </c>
      <c r="L64" s="8">
        <v>26.44</v>
      </c>
      <c r="M64" s="8">
        <v>161.43</v>
      </c>
      <c r="N64" s="8">
        <v>52.730000000000004</v>
      </c>
      <c r="O64" s="88">
        <v>55.550000000000004</v>
      </c>
      <c r="P64" s="88">
        <v>674.74999999999989</v>
      </c>
      <c r="Q64" s="88">
        <v>1497.73</v>
      </c>
      <c r="R64" s="88">
        <v>2841.4</v>
      </c>
      <c r="S64" s="15">
        <v>6</v>
      </c>
      <c r="T64" s="88">
        <v>2847.4</v>
      </c>
      <c r="U64" s="105">
        <v>2847.4</v>
      </c>
      <c r="V64" s="8"/>
      <c r="W64" s="8"/>
      <c r="X64" s="8"/>
      <c r="Y64" s="29"/>
      <c r="Z64" s="8"/>
    </row>
    <row r="65" spans="1:26" ht="15" customHeight="1" x14ac:dyDescent="0.15">
      <c r="A65" s="40" t="s">
        <v>70</v>
      </c>
      <c r="B65" s="43" t="s">
        <v>27</v>
      </c>
      <c r="C65" s="43" t="s">
        <v>99</v>
      </c>
      <c r="D65" s="88"/>
      <c r="E65" s="8"/>
      <c r="F65" s="15"/>
      <c r="G65" s="96"/>
      <c r="H65" s="8">
        <v>0</v>
      </c>
      <c r="I65" s="8">
        <v>574.87</v>
      </c>
      <c r="J65" s="8">
        <v>0</v>
      </c>
      <c r="K65" s="8">
        <v>33.25</v>
      </c>
      <c r="L65" s="8">
        <v>0</v>
      </c>
      <c r="M65" s="8">
        <v>7.51</v>
      </c>
      <c r="N65" s="8">
        <v>113.02999999999999</v>
      </c>
      <c r="O65" s="88">
        <v>20.54</v>
      </c>
      <c r="P65" s="88">
        <v>57.499999999999993</v>
      </c>
      <c r="Q65" s="88">
        <v>1208.1999999999998</v>
      </c>
      <c r="R65" s="88">
        <v>2014.8999999999996</v>
      </c>
      <c r="S65" s="15" t="s">
        <v>4</v>
      </c>
      <c r="T65" s="88">
        <v>2014.8999999999996</v>
      </c>
      <c r="U65" s="105">
        <v>2014.8999999999996</v>
      </c>
      <c r="V65" s="8"/>
      <c r="W65" s="8"/>
      <c r="X65" s="8"/>
      <c r="Y65" s="29"/>
      <c r="Z65" s="8"/>
    </row>
    <row r="66" spans="1:26" ht="15" customHeight="1" x14ac:dyDescent="0.15">
      <c r="A66" s="40" t="s">
        <v>70</v>
      </c>
      <c r="B66" s="43" t="s">
        <v>27</v>
      </c>
      <c r="C66" s="65" t="s">
        <v>1</v>
      </c>
      <c r="D66" s="89">
        <v>257.56</v>
      </c>
      <c r="E66" s="6">
        <v>754.65</v>
      </c>
      <c r="F66" s="16">
        <v>7</v>
      </c>
      <c r="G66" s="97">
        <v>1019.21</v>
      </c>
      <c r="H66" s="89">
        <v>116.44</v>
      </c>
      <c r="I66" s="89">
        <v>4496.4399999999996</v>
      </c>
      <c r="J66" s="6">
        <v>12.879999999999999</v>
      </c>
      <c r="K66" s="89">
        <v>1243.4599999999998</v>
      </c>
      <c r="L66" s="6">
        <v>384.72</v>
      </c>
      <c r="M66" s="6">
        <v>659.6400000000001</v>
      </c>
      <c r="N66" s="89">
        <v>2237.1600000000003</v>
      </c>
      <c r="O66" s="89">
        <v>1259.54</v>
      </c>
      <c r="P66" s="89">
        <v>2277.13</v>
      </c>
      <c r="Q66" s="89">
        <v>23417.51</v>
      </c>
      <c r="R66" s="89">
        <v>36104.92</v>
      </c>
      <c r="S66" s="16">
        <v>8.120000000000001</v>
      </c>
      <c r="T66" s="89">
        <v>36113.040000000001</v>
      </c>
      <c r="U66" s="89">
        <v>37132.25</v>
      </c>
      <c r="V66" s="89">
        <v>5526</v>
      </c>
      <c r="W66" s="89">
        <v>688</v>
      </c>
      <c r="X66" s="89">
        <v>6214</v>
      </c>
      <c r="Y66" s="89">
        <v>19089.75</v>
      </c>
      <c r="Z66" s="89">
        <v>62436</v>
      </c>
    </row>
    <row r="67" spans="1:26" ht="15" customHeight="1" x14ac:dyDescent="0.15">
      <c r="A67" s="68"/>
      <c r="B67" s="73" t="s">
        <v>1</v>
      </c>
      <c r="C67" s="73" t="s">
        <v>1</v>
      </c>
      <c r="D67" s="93">
        <v>5958.8600000000006</v>
      </c>
      <c r="E67" s="2">
        <v>1916.3000000000002</v>
      </c>
      <c r="F67" s="20">
        <v>14</v>
      </c>
      <c r="G67" s="101">
        <v>7889.1600000000008</v>
      </c>
      <c r="H67" s="93">
        <v>2339.9600000000005</v>
      </c>
      <c r="I67" s="93">
        <v>10158.509999999998</v>
      </c>
      <c r="J67" s="2">
        <v>831.18999999999994</v>
      </c>
      <c r="K67" s="93">
        <v>10731.7</v>
      </c>
      <c r="L67" s="93">
        <v>14130.649999999998</v>
      </c>
      <c r="M67" s="93">
        <v>3071.2700000000004</v>
      </c>
      <c r="N67" s="93">
        <v>11861.38</v>
      </c>
      <c r="O67" s="93">
        <v>3229.44</v>
      </c>
      <c r="P67" s="93">
        <v>9275.83</v>
      </c>
      <c r="Q67" s="93">
        <v>118088.26</v>
      </c>
      <c r="R67" s="93">
        <v>183718.19</v>
      </c>
      <c r="S67" s="20">
        <v>9.56</v>
      </c>
      <c r="T67" s="93">
        <v>183727.75</v>
      </c>
      <c r="U67" s="93">
        <v>191616.91</v>
      </c>
      <c r="V67" s="93">
        <v>15051</v>
      </c>
      <c r="W67" s="93">
        <v>2367</v>
      </c>
      <c r="X67" s="93">
        <v>17417</v>
      </c>
      <c r="Y67" s="93">
        <v>69201.09</v>
      </c>
      <c r="Z67" s="93">
        <v>278235</v>
      </c>
    </row>
    <row r="68" spans="1:26" ht="15" customHeight="1" x14ac:dyDescent="0.15">
      <c r="A68" s="75" t="s">
        <v>100</v>
      </c>
      <c r="B68" s="41" t="s">
        <v>101</v>
      </c>
      <c r="C68" s="41" t="s">
        <v>105</v>
      </c>
      <c r="D68" s="10"/>
      <c r="E68" s="10"/>
      <c r="F68" s="19"/>
      <c r="G68" s="10"/>
      <c r="H68" s="92">
        <v>8.0700000000000021</v>
      </c>
      <c r="I68" s="92">
        <v>322.52</v>
      </c>
      <c r="J68" s="10">
        <v>396.90999999999997</v>
      </c>
      <c r="K68" s="10">
        <v>156.13999999999999</v>
      </c>
      <c r="L68" s="10">
        <v>17.77</v>
      </c>
      <c r="M68" s="92">
        <v>734.39</v>
      </c>
      <c r="N68" s="92">
        <v>513.63</v>
      </c>
      <c r="O68" s="92">
        <v>325.10000000000008</v>
      </c>
      <c r="P68" s="92">
        <v>2059.08</v>
      </c>
      <c r="Q68" s="92">
        <v>5597.0800000000008</v>
      </c>
      <c r="R68" s="92">
        <v>10130.69</v>
      </c>
      <c r="S68" s="19">
        <v>3.01</v>
      </c>
      <c r="T68" s="92">
        <v>10133.700000000001</v>
      </c>
      <c r="U68" s="106">
        <v>10133.700000000001</v>
      </c>
      <c r="V68" s="10"/>
      <c r="W68" s="10"/>
      <c r="X68" s="10"/>
      <c r="Y68" s="28"/>
      <c r="Z68" s="10"/>
    </row>
    <row r="69" spans="1:26" ht="15" customHeight="1" x14ac:dyDescent="0.15">
      <c r="A69" s="75" t="s">
        <v>100</v>
      </c>
      <c r="B69" s="43" t="s">
        <v>101</v>
      </c>
      <c r="C69" s="43" t="s">
        <v>106</v>
      </c>
      <c r="D69" s="8"/>
      <c r="E69" s="8"/>
      <c r="F69" s="15"/>
      <c r="G69" s="8"/>
      <c r="H69" s="88">
        <v>1.1600000000000001</v>
      </c>
      <c r="I69" s="88">
        <v>1126.8500000000001</v>
      </c>
      <c r="J69" s="8">
        <v>0</v>
      </c>
      <c r="K69" s="8">
        <v>0</v>
      </c>
      <c r="L69" s="8">
        <v>0</v>
      </c>
      <c r="M69" s="88">
        <v>0.42</v>
      </c>
      <c r="N69" s="88">
        <v>50.27</v>
      </c>
      <c r="O69" s="88">
        <v>47.94</v>
      </c>
      <c r="P69" s="88">
        <v>10.08</v>
      </c>
      <c r="Q69" s="88">
        <v>518.62</v>
      </c>
      <c r="R69" s="88">
        <v>1755.3400000000001</v>
      </c>
      <c r="S69" s="15" t="s">
        <v>4</v>
      </c>
      <c r="T69" s="88">
        <v>1755.3400000000001</v>
      </c>
      <c r="U69" s="105">
        <v>1755.3400000000001</v>
      </c>
      <c r="V69" s="8"/>
      <c r="W69" s="8"/>
      <c r="X69" s="8"/>
      <c r="Y69" s="29"/>
      <c r="Z69" s="8"/>
    </row>
    <row r="70" spans="1:26" ht="15" customHeight="1" x14ac:dyDescent="0.15">
      <c r="A70" s="75" t="s">
        <v>100</v>
      </c>
      <c r="B70" s="43" t="s">
        <v>101</v>
      </c>
      <c r="C70" s="43" t="s">
        <v>107</v>
      </c>
      <c r="D70" s="8"/>
      <c r="E70" s="8"/>
      <c r="F70" s="15"/>
      <c r="G70" s="8"/>
      <c r="H70" s="88">
        <v>36.479999999999997</v>
      </c>
      <c r="I70" s="88">
        <v>85.980000000000018</v>
      </c>
      <c r="J70" s="8">
        <v>0</v>
      </c>
      <c r="K70" s="8">
        <v>249.60999999999999</v>
      </c>
      <c r="L70" s="8">
        <v>0</v>
      </c>
      <c r="M70" s="88">
        <v>40.839999999999996</v>
      </c>
      <c r="N70" s="88">
        <v>463.13</v>
      </c>
      <c r="O70" s="88">
        <v>68.829999999999984</v>
      </c>
      <c r="P70" s="88">
        <v>523.98</v>
      </c>
      <c r="Q70" s="88">
        <v>3094.76</v>
      </c>
      <c r="R70" s="88">
        <v>4563.6100000000006</v>
      </c>
      <c r="S70" s="15">
        <v>0</v>
      </c>
      <c r="T70" s="88">
        <v>4563.6100000000006</v>
      </c>
      <c r="U70" s="105">
        <v>4563.6100000000006</v>
      </c>
      <c r="V70" s="8"/>
      <c r="W70" s="8"/>
      <c r="X70" s="8"/>
      <c r="Y70" s="29"/>
      <c r="Z70" s="8"/>
    </row>
    <row r="71" spans="1:26" ht="15" customHeight="1" x14ac:dyDescent="0.15">
      <c r="A71" s="75" t="s">
        <v>100</v>
      </c>
      <c r="B71" s="43" t="s">
        <v>101</v>
      </c>
      <c r="C71" s="43" t="s">
        <v>108</v>
      </c>
      <c r="D71" s="8"/>
      <c r="E71" s="8"/>
      <c r="F71" s="15"/>
      <c r="G71" s="8"/>
      <c r="H71" s="88">
        <v>9.6100000000000012</v>
      </c>
      <c r="I71" s="88">
        <v>19.170000000000002</v>
      </c>
      <c r="J71" s="8">
        <v>0</v>
      </c>
      <c r="K71" s="8">
        <v>36.160000000000004</v>
      </c>
      <c r="L71" s="8">
        <v>0</v>
      </c>
      <c r="M71" s="88">
        <v>426.31999999999994</v>
      </c>
      <c r="N71" s="88">
        <v>348.55000000000007</v>
      </c>
      <c r="O71" s="88">
        <v>50.97</v>
      </c>
      <c r="P71" s="88">
        <v>780.05000000000018</v>
      </c>
      <c r="Q71" s="88">
        <v>2761.0500000000006</v>
      </c>
      <c r="R71" s="88">
        <v>4431.880000000001</v>
      </c>
      <c r="S71" s="15">
        <v>1.53</v>
      </c>
      <c r="T71" s="88">
        <v>4433.4100000000008</v>
      </c>
      <c r="U71" s="105">
        <v>4433.4100000000008</v>
      </c>
      <c r="V71" s="8"/>
      <c r="W71" s="8"/>
      <c r="X71" s="8"/>
      <c r="Y71" s="29"/>
      <c r="Z71" s="8"/>
    </row>
    <row r="72" spans="1:26" ht="15" customHeight="1" x14ac:dyDescent="0.15">
      <c r="A72" s="75" t="s">
        <v>100</v>
      </c>
      <c r="B72" s="43" t="s">
        <v>101</v>
      </c>
      <c r="C72" s="65" t="s">
        <v>1</v>
      </c>
      <c r="D72" s="16">
        <v>0</v>
      </c>
      <c r="E72" s="6">
        <v>165.76999999999998</v>
      </c>
      <c r="F72" s="16">
        <v>0</v>
      </c>
      <c r="G72" s="6">
        <v>165.76999999999998</v>
      </c>
      <c r="H72" s="89">
        <v>55.32</v>
      </c>
      <c r="I72" s="89">
        <v>1554.5200000000002</v>
      </c>
      <c r="J72" s="6">
        <v>396.90999999999997</v>
      </c>
      <c r="K72" s="6">
        <v>441.91</v>
      </c>
      <c r="L72" s="6">
        <v>17.77</v>
      </c>
      <c r="M72" s="89">
        <v>1201.9699999999998</v>
      </c>
      <c r="N72" s="89">
        <v>1375.58</v>
      </c>
      <c r="O72" s="89">
        <v>492.84000000000003</v>
      </c>
      <c r="P72" s="89">
        <v>3373.19</v>
      </c>
      <c r="Q72" s="89">
        <v>11971.510000000002</v>
      </c>
      <c r="R72" s="89">
        <v>20881.520000000004</v>
      </c>
      <c r="S72" s="16">
        <v>4.54</v>
      </c>
      <c r="T72" s="89">
        <v>20886.060000000005</v>
      </c>
      <c r="U72" s="89">
        <v>21051.830000000005</v>
      </c>
      <c r="V72" s="89">
        <v>352</v>
      </c>
      <c r="W72" s="89">
        <v>63</v>
      </c>
      <c r="X72" s="89">
        <v>415</v>
      </c>
      <c r="Y72" s="89">
        <v>2815.1699999999946</v>
      </c>
      <c r="Z72" s="89">
        <v>24282</v>
      </c>
    </row>
    <row r="73" spans="1:26" ht="15" customHeight="1" x14ac:dyDescent="0.15">
      <c r="A73" s="75" t="s">
        <v>100</v>
      </c>
      <c r="B73" s="76" t="s">
        <v>102</v>
      </c>
      <c r="C73" s="76" t="s">
        <v>109</v>
      </c>
      <c r="D73" s="21" t="s">
        <v>33</v>
      </c>
      <c r="E73" s="21" t="s">
        <v>33</v>
      </c>
      <c r="F73" s="21">
        <v>1</v>
      </c>
      <c r="G73" s="5">
        <v>1</v>
      </c>
      <c r="H73" s="102">
        <v>6.2399999999999993</v>
      </c>
      <c r="I73" s="102">
        <v>150.72999999999999</v>
      </c>
      <c r="J73" s="5">
        <v>0</v>
      </c>
      <c r="K73" s="5">
        <v>177.12</v>
      </c>
      <c r="L73" s="5">
        <v>0</v>
      </c>
      <c r="M73" s="5">
        <v>3.8200000000000003</v>
      </c>
      <c r="N73" s="5">
        <v>64.58</v>
      </c>
      <c r="O73" s="102">
        <v>152.04000000000002</v>
      </c>
      <c r="P73" s="102">
        <v>147.45999999999998</v>
      </c>
      <c r="Q73" s="102">
        <v>1864.19</v>
      </c>
      <c r="R73" s="102">
        <v>2566.1800000000003</v>
      </c>
      <c r="S73" s="21" t="s">
        <v>4</v>
      </c>
      <c r="T73" s="102">
        <v>2566.1800000000003</v>
      </c>
      <c r="U73" s="102">
        <v>2567.1800000000003</v>
      </c>
      <c r="V73" s="102">
        <v>96</v>
      </c>
      <c r="W73" s="102">
        <v>23</v>
      </c>
      <c r="X73" s="102">
        <v>118</v>
      </c>
      <c r="Y73" s="102">
        <v>658.81999999999971</v>
      </c>
      <c r="Z73" s="102">
        <v>3344</v>
      </c>
    </row>
    <row r="74" spans="1:26" ht="15" customHeight="1" x14ac:dyDescent="0.15">
      <c r="A74" s="75" t="s">
        <v>100</v>
      </c>
      <c r="B74" s="43" t="s">
        <v>103</v>
      </c>
      <c r="C74" s="43" t="s">
        <v>110</v>
      </c>
      <c r="D74" s="21" t="s">
        <v>33</v>
      </c>
      <c r="E74" s="5">
        <v>65.2</v>
      </c>
      <c r="F74" s="21">
        <v>0</v>
      </c>
      <c r="G74" s="5">
        <v>65.2</v>
      </c>
      <c r="H74" s="102">
        <v>37.99</v>
      </c>
      <c r="I74" s="102">
        <v>270.27</v>
      </c>
      <c r="J74" s="5">
        <v>0</v>
      </c>
      <c r="K74" s="5">
        <v>102.97</v>
      </c>
      <c r="L74" s="5">
        <v>0</v>
      </c>
      <c r="M74" s="5">
        <v>770.78999999999985</v>
      </c>
      <c r="N74" s="5">
        <v>222.80999999999997</v>
      </c>
      <c r="O74" s="102">
        <v>140.12999999999997</v>
      </c>
      <c r="P74" s="102">
        <v>221.55</v>
      </c>
      <c r="Q74" s="102">
        <v>3178.7900000000004</v>
      </c>
      <c r="R74" s="102">
        <v>4945.3</v>
      </c>
      <c r="S74" s="21" t="s">
        <v>4</v>
      </c>
      <c r="T74" s="102">
        <v>4945.3</v>
      </c>
      <c r="U74" s="102">
        <v>5010.5</v>
      </c>
      <c r="V74" s="102">
        <v>17</v>
      </c>
      <c r="W74" s="102">
        <v>5</v>
      </c>
      <c r="X74" s="102">
        <v>23</v>
      </c>
      <c r="Y74" s="102">
        <v>562.5</v>
      </c>
      <c r="Z74" s="102">
        <v>5596</v>
      </c>
    </row>
    <row r="75" spans="1:26" ht="15" customHeight="1" x14ac:dyDescent="0.15">
      <c r="A75" s="75" t="s">
        <v>100</v>
      </c>
      <c r="B75" s="77" t="s">
        <v>104</v>
      </c>
      <c r="C75" s="77" t="s">
        <v>111</v>
      </c>
      <c r="D75" s="22" t="s">
        <v>33</v>
      </c>
      <c r="E75" s="22" t="s">
        <v>33</v>
      </c>
      <c r="F75" s="22">
        <v>0</v>
      </c>
      <c r="G75" s="11">
        <v>0</v>
      </c>
      <c r="H75" s="11">
        <v>0</v>
      </c>
      <c r="I75" s="11">
        <v>60.69</v>
      </c>
      <c r="J75" s="11">
        <v>0</v>
      </c>
      <c r="K75" s="11">
        <v>57.34</v>
      </c>
      <c r="L75" s="11">
        <v>0</v>
      </c>
      <c r="M75" s="11">
        <v>19.900000000000006</v>
      </c>
      <c r="N75" s="11">
        <v>0</v>
      </c>
      <c r="O75" s="103">
        <v>13.280000000000001</v>
      </c>
      <c r="P75" s="11">
        <v>0</v>
      </c>
      <c r="Q75" s="103">
        <v>955.84000000000015</v>
      </c>
      <c r="R75" s="103">
        <v>1107.0500000000002</v>
      </c>
      <c r="S75" s="22" t="s">
        <v>4</v>
      </c>
      <c r="T75" s="103">
        <v>1107.0500000000002</v>
      </c>
      <c r="U75" s="103">
        <v>1107.0500000000002</v>
      </c>
      <c r="V75" s="11">
        <v>0</v>
      </c>
      <c r="W75" s="11">
        <v>2</v>
      </c>
      <c r="X75" s="11">
        <v>3</v>
      </c>
      <c r="Y75" s="103">
        <v>259.94999999999982</v>
      </c>
      <c r="Z75" s="103">
        <v>1370</v>
      </c>
    </row>
    <row r="76" spans="1:26" ht="15" customHeight="1" x14ac:dyDescent="0.15">
      <c r="A76" s="74"/>
      <c r="B76" s="73" t="s">
        <v>1</v>
      </c>
      <c r="C76" s="73" t="s">
        <v>1</v>
      </c>
      <c r="D76" s="2">
        <v>0</v>
      </c>
      <c r="E76" s="2">
        <v>230.96999999999997</v>
      </c>
      <c r="F76" s="20">
        <v>1</v>
      </c>
      <c r="G76" s="2">
        <v>231.96999999999997</v>
      </c>
      <c r="H76" s="93">
        <v>99.550000000000011</v>
      </c>
      <c r="I76" s="93">
        <v>2036.2100000000003</v>
      </c>
      <c r="J76" s="2">
        <v>396.90999999999997</v>
      </c>
      <c r="K76" s="2">
        <v>779.34</v>
      </c>
      <c r="L76" s="2">
        <v>17.77</v>
      </c>
      <c r="M76" s="93">
        <v>1996.4799999999996</v>
      </c>
      <c r="N76" s="93">
        <v>1662.9699999999998</v>
      </c>
      <c r="O76" s="93">
        <v>798.29000000000008</v>
      </c>
      <c r="P76" s="93">
        <v>3742.2000000000003</v>
      </c>
      <c r="Q76" s="93">
        <v>17970.330000000002</v>
      </c>
      <c r="R76" s="93">
        <v>29500.050000000003</v>
      </c>
      <c r="S76" s="20">
        <v>4.54</v>
      </c>
      <c r="T76" s="93">
        <v>29504.590000000004</v>
      </c>
      <c r="U76" s="93">
        <v>29736.560000000005</v>
      </c>
      <c r="V76" s="2">
        <v>465</v>
      </c>
      <c r="W76" s="2">
        <v>93</v>
      </c>
      <c r="X76" s="2">
        <v>559</v>
      </c>
      <c r="Y76" s="93">
        <v>4296.4399999999941</v>
      </c>
      <c r="Z76" s="93">
        <v>34592</v>
      </c>
    </row>
    <row r="77" spans="1:26" ht="15" customHeight="1" x14ac:dyDescent="0.15">
      <c r="A77" s="75" t="s">
        <v>119</v>
      </c>
      <c r="B77" s="41" t="s">
        <v>28</v>
      </c>
      <c r="C77" s="41" t="s">
        <v>112</v>
      </c>
      <c r="D77" s="10"/>
      <c r="E77" s="10"/>
      <c r="F77" s="19"/>
      <c r="G77" s="10"/>
      <c r="H77" s="92">
        <v>50.570000000000007</v>
      </c>
      <c r="I77" s="92">
        <v>227.6</v>
      </c>
      <c r="J77" s="10">
        <v>0</v>
      </c>
      <c r="K77" s="92">
        <v>385.28</v>
      </c>
      <c r="L77" s="92">
        <v>627.03</v>
      </c>
      <c r="M77" s="92">
        <v>137.93000000000004</v>
      </c>
      <c r="N77" s="92">
        <v>946.90999999999985</v>
      </c>
      <c r="O77" s="92">
        <v>120.09</v>
      </c>
      <c r="P77" s="92">
        <v>498.51</v>
      </c>
      <c r="Q77" s="92">
        <v>19407.39</v>
      </c>
      <c r="R77" s="92">
        <v>22401.309999999998</v>
      </c>
      <c r="S77" s="19" t="s">
        <v>4</v>
      </c>
      <c r="T77" s="92">
        <v>22401.309999999998</v>
      </c>
      <c r="U77" s="106">
        <v>22401.309999999998</v>
      </c>
      <c r="V77" s="10"/>
      <c r="W77" s="10"/>
      <c r="X77" s="10"/>
      <c r="Y77" s="28"/>
      <c r="Z77" s="10"/>
    </row>
    <row r="78" spans="1:26" ht="15" customHeight="1" x14ac:dyDescent="0.15">
      <c r="A78" s="75" t="s">
        <v>119</v>
      </c>
      <c r="B78" s="43" t="s">
        <v>28</v>
      </c>
      <c r="C78" s="43" t="s">
        <v>113</v>
      </c>
      <c r="D78" s="8"/>
      <c r="E78" s="8"/>
      <c r="F78" s="15"/>
      <c r="G78" s="8"/>
      <c r="H78" s="88">
        <v>0.26</v>
      </c>
      <c r="I78" s="88">
        <v>133.94999999999996</v>
      </c>
      <c r="J78" s="8">
        <v>0</v>
      </c>
      <c r="K78" s="88">
        <v>544.05999999999995</v>
      </c>
      <c r="L78" s="88">
        <v>1010.79</v>
      </c>
      <c r="M78" s="88">
        <v>3.33</v>
      </c>
      <c r="N78" s="88">
        <v>267.64999999999998</v>
      </c>
      <c r="O78" s="88">
        <v>110.81</v>
      </c>
      <c r="P78" s="88">
        <v>1260.92</v>
      </c>
      <c r="Q78" s="88">
        <v>8412.880000000001</v>
      </c>
      <c r="R78" s="88">
        <v>11744.650000000001</v>
      </c>
      <c r="S78" s="15" t="s">
        <v>4</v>
      </c>
      <c r="T78" s="88">
        <v>11744.650000000001</v>
      </c>
      <c r="U78" s="105">
        <v>11744.650000000001</v>
      </c>
      <c r="V78" s="8"/>
      <c r="W78" s="8"/>
      <c r="X78" s="8"/>
      <c r="Y78" s="29"/>
      <c r="Z78" s="8"/>
    </row>
    <row r="79" spans="1:26" ht="15" customHeight="1" x14ac:dyDescent="0.15">
      <c r="A79" s="75" t="s">
        <v>119</v>
      </c>
      <c r="B79" s="43" t="s">
        <v>28</v>
      </c>
      <c r="C79" s="43" t="s">
        <v>114</v>
      </c>
      <c r="D79" s="8"/>
      <c r="E79" s="8"/>
      <c r="F79" s="15"/>
      <c r="G79" s="8"/>
      <c r="H79" s="8">
        <v>0</v>
      </c>
      <c r="I79" s="8">
        <v>894.11000000000013</v>
      </c>
      <c r="J79" s="8">
        <v>770.31000000000006</v>
      </c>
      <c r="K79" s="88">
        <v>546.08000000000004</v>
      </c>
      <c r="L79" s="88">
        <v>4889.7300000000005</v>
      </c>
      <c r="M79" s="88">
        <v>164.04999999999998</v>
      </c>
      <c r="N79" s="88">
        <v>3632.9700000000003</v>
      </c>
      <c r="O79" s="88">
        <v>9.52</v>
      </c>
      <c r="P79" s="88">
        <v>3156.15</v>
      </c>
      <c r="Q79" s="88">
        <v>12602.330000000002</v>
      </c>
      <c r="R79" s="88">
        <v>26665.25</v>
      </c>
      <c r="S79" s="15" t="s">
        <v>4</v>
      </c>
      <c r="T79" s="88">
        <v>26665.25</v>
      </c>
      <c r="U79" s="105">
        <v>26665.25</v>
      </c>
      <c r="V79" s="8"/>
      <c r="W79" s="8"/>
      <c r="X79" s="8"/>
      <c r="Y79" s="29"/>
      <c r="Z79" s="8"/>
    </row>
    <row r="80" spans="1:26" ht="15" customHeight="1" x14ac:dyDescent="0.15">
      <c r="A80" s="75" t="s">
        <v>119</v>
      </c>
      <c r="B80" s="43" t="s">
        <v>28</v>
      </c>
      <c r="C80" s="65" t="s">
        <v>1</v>
      </c>
      <c r="D80" s="89">
        <v>2454.7999999999997</v>
      </c>
      <c r="E80" s="6">
        <v>135.86000000000001</v>
      </c>
      <c r="F80" s="16">
        <v>0</v>
      </c>
      <c r="G80" s="89">
        <v>2590.66</v>
      </c>
      <c r="H80" s="89">
        <v>50.830000000000005</v>
      </c>
      <c r="I80" s="89">
        <v>1255.6600000000001</v>
      </c>
      <c r="J80" s="6">
        <v>770.31000000000006</v>
      </c>
      <c r="K80" s="89">
        <v>1475.42</v>
      </c>
      <c r="L80" s="89">
        <v>6527.55</v>
      </c>
      <c r="M80" s="89">
        <v>305.31000000000006</v>
      </c>
      <c r="N80" s="89">
        <v>4847.5300000000007</v>
      </c>
      <c r="O80" s="89">
        <v>240.42000000000002</v>
      </c>
      <c r="P80" s="89">
        <v>4915.58</v>
      </c>
      <c r="Q80" s="89">
        <v>40422.600000000006</v>
      </c>
      <c r="R80" s="89">
        <v>60811.210000000006</v>
      </c>
      <c r="S80" s="16" t="s">
        <v>4</v>
      </c>
      <c r="T80" s="89">
        <v>60811.210000000006</v>
      </c>
      <c r="U80" s="89">
        <v>63401.87000000001</v>
      </c>
      <c r="V80" s="89">
        <v>899</v>
      </c>
      <c r="W80" s="89">
        <v>417</v>
      </c>
      <c r="X80" s="89">
        <v>1316</v>
      </c>
      <c r="Y80" s="89">
        <v>8601.1299999999901</v>
      </c>
      <c r="Z80" s="89">
        <v>73319</v>
      </c>
    </row>
    <row r="81" spans="1:26" ht="15" customHeight="1" x14ac:dyDescent="0.15">
      <c r="A81" s="75" t="s">
        <v>119</v>
      </c>
      <c r="B81" s="42" t="s">
        <v>29</v>
      </c>
      <c r="C81" s="42" t="s">
        <v>115</v>
      </c>
      <c r="D81" s="87"/>
      <c r="E81" s="7"/>
      <c r="F81" s="14"/>
      <c r="G81" s="87"/>
      <c r="H81" s="87">
        <v>0.1</v>
      </c>
      <c r="I81" s="87">
        <v>600.42999999999995</v>
      </c>
      <c r="J81" s="7">
        <v>0</v>
      </c>
      <c r="K81" s="87">
        <v>586.62</v>
      </c>
      <c r="L81" s="87">
        <v>446.45</v>
      </c>
      <c r="M81" s="87">
        <v>92.77</v>
      </c>
      <c r="N81" s="87">
        <v>535.63000000000011</v>
      </c>
      <c r="O81" s="87">
        <v>82.97999999999999</v>
      </c>
      <c r="P81" s="87">
        <v>467.63</v>
      </c>
      <c r="Q81" s="87">
        <v>9447.6100000000024</v>
      </c>
      <c r="R81" s="87">
        <v>12260.220000000003</v>
      </c>
      <c r="S81" s="14" t="s">
        <v>4</v>
      </c>
      <c r="T81" s="87">
        <v>12260.220000000003</v>
      </c>
      <c r="U81" s="104">
        <v>12260.220000000003</v>
      </c>
      <c r="V81" s="7"/>
      <c r="W81" s="7"/>
      <c r="X81" s="7"/>
      <c r="Y81" s="30"/>
      <c r="Z81" s="7"/>
    </row>
    <row r="82" spans="1:26" ht="15" customHeight="1" x14ac:dyDescent="0.15">
      <c r="A82" s="75" t="s">
        <v>119</v>
      </c>
      <c r="B82" s="43" t="s">
        <v>29</v>
      </c>
      <c r="C82" s="43" t="s">
        <v>116</v>
      </c>
      <c r="D82" s="88"/>
      <c r="E82" s="8"/>
      <c r="F82" s="15"/>
      <c r="G82" s="88"/>
      <c r="H82" s="8">
        <v>0</v>
      </c>
      <c r="I82" s="8">
        <v>588.62</v>
      </c>
      <c r="J82" s="8">
        <v>0</v>
      </c>
      <c r="K82" s="88">
        <v>796.28</v>
      </c>
      <c r="L82" s="88">
        <v>252.53</v>
      </c>
      <c r="M82" s="88">
        <v>54.03</v>
      </c>
      <c r="N82" s="88">
        <v>776.21</v>
      </c>
      <c r="O82" s="88">
        <v>16.72</v>
      </c>
      <c r="P82" s="88">
        <v>173.77000000000004</v>
      </c>
      <c r="Q82" s="88">
        <v>9420.9399999999987</v>
      </c>
      <c r="R82" s="88">
        <v>12079.099999999999</v>
      </c>
      <c r="S82" s="15" t="s">
        <v>4</v>
      </c>
      <c r="T82" s="88">
        <v>12079.099999999999</v>
      </c>
      <c r="U82" s="105">
        <v>12079.099999999999</v>
      </c>
      <c r="V82" s="8"/>
      <c r="W82" s="8"/>
      <c r="X82" s="8"/>
      <c r="Y82" s="29"/>
      <c r="Z82" s="8"/>
    </row>
    <row r="83" spans="1:26" ht="15" customHeight="1" x14ac:dyDescent="0.15">
      <c r="A83" s="75" t="s">
        <v>119</v>
      </c>
      <c r="B83" s="44" t="s">
        <v>29</v>
      </c>
      <c r="C83" s="79" t="s">
        <v>1</v>
      </c>
      <c r="D83" s="89">
        <v>3406.6400000000003</v>
      </c>
      <c r="E83" s="6">
        <v>0</v>
      </c>
      <c r="F83" s="16">
        <v>0</v>
      </c>
      <c r="G83" s="89">
        <v>3406.6400000000003</v>
      </c>
      <c r="H83" s="6">
        <v>0.1</v>
      </c>
      <c r="I83" s="89">
        <v>1189.05</v>
      </c>
      <c r="J83" s="6">
        <v>0</v>
      </c>
      <c r="K83" s="89">
        <v>1382.9</v>
      </c>
      <c r="L83" s="89">
        <v>698.98</v>
      </c>
      <c r="M83" s="89">
        <v>146.80000000000001</v>
      </c>
      <c r="N83" s="89">
        <v>1311.8400000000001</v>
      </c>
      <c r="O83" s="89">
        <v>99.699999999999989</v>
      </c>
      <c r="P83" s="89">
        <v>641.40000000000009</v>
      </c>
      <c r="Q83" s="89">
        <v>18868.550000000003</v>
      </c>
      <c r="R83" s="89">
        <v>24339.320000000003</v>
      </c>
      <c r="S83" s="16" t="s">
        <v>4</v>
      </c>
      <c r="T83" s="89">
        <v>24339.320000000003</v>
      </c>
      <c r="U83" s="89">
        <v>27745.960000000003</v>
      </c>
      <c r="V83" s="89">
        <v>501</v>
      </c>
      <c r="W83" s="89">
        <v>68</v>
      </c>
      <c r="X83" s="89">
        <v>569</v>
      </c>
      <c r="Y83" s="89">
        <v>2388.0399999999936</v>
      </c>
      <c r="Z83" s="89">
        <v>30702.999999999996</v>
      </c>
    </row>
    <row r="84" spans="1:26" ht="15" customHeight="1" x14ac:dyDescent="0.15">
      <c r="A84" s="75" t="s">
        <v>119</v>
      </c>
      <c r="B84" s="42" t="s">
        <v>30</v>
      </c>
      <c r="C84" s="42" t="s">
        <v>117</v>
      </c>
      <c r="D84" s="87"/>
      <c r="E84" s="7"/>
      <c r="F84" s="14"/>
      <c r="G84" s="87"/>
      <c r="H84" s="7">
        <v>0</v>
      </c>
      <c r="I84" s="7">
        <v>443.54999999999995</v>
      </c>
      <c r="J84" s="7">
        <v>0</v>
      </c>
      <c r="K84" s="87">
        <v>114.64</v>
      </c>
      <c r="L84" s="87">
        <v>533.77</v>
      </c>
      <c r="M84" s="87">
        <v>28.63</v>
      </c>
      <c r="N84" s="87">
        <v>1482.5299999999997</v>
      </c>
      <c r="O84" s="87">
        <v>47.500000000000007</v>
      </c>
      <c r="P84" s="87">
        <v>638.15</v>
      </c>
      <c r="Q84" s="87">
        <v>4892.3599999999997</v>
      </c>
      <c r="R84" s="87">
        <v>8181.1299999999992</v>
      </c>
      <c r="S84" s="14" t="s">
        <v>4</v>
      </c>
      <c r="T84" s="87">
        <v>8181.1299999999992</v>
      </c>
      <c r="U84" s="104">
        <v>8181.1299999999992</v>
      </c>
      <c r="V84" s="7"/>
      <c r="W84" s="7"/>
      <c r="X84" s="7"/>
      <c r="Y84" s="30"/>
      <c r="Z84" s="7"/>
    </row>
    <row r="85" spans="1:26" ht="15" customHeight="1" x14ac:dyDescent="0.15">
      <c r="A85" s="75" t="s">
        <v>119</v>
      </c>
      <c r="B85" s="43" t="s">
        <v>30</v>
      </c>
      <c r="C85" s="43" t="s">
        <v>118</v>
      </c>
      <c r="D85" s="88"/>
      <c r="E85" s="8"/>
      <c r="F85" s="15"/>
      <c r="G85" s="88"/>
      <c r="H85" s="8">
        <v>5.75</v>
      </c>
      <c r="I85" s="8">
        <v>664.34</v>
      </c>
      <c r="J85" s="8">
        <v>0.08</v>
      </c>
      <c r="K85" s="88">
        <v>131.96</v>
      </c>
      <c r="L85" s="88">
        <v>694.88</v>
      </c>
      <c r="M85" s="88">
        <v>128.05000000000001</v>
      </c>
      <c r="N85" s="88">
        <v>1584.72</v>
      </c>
      <c r="O85" s="88">
        <v>124.47</v>
      </c>
      <c r="P85" s="88">
        <v>416.40999999999997</v>
      </c>
      <c r="Q85" s="88">
        <v>11988.490000000002</v>
      </c>
      <c r="R85" s="88">
        <v>15739.150000000001</v>
      </c>
      <c r="S85" s="15" t="s">
        <v>4</v>
      </c>
      <c r="T85" s="88">
        <v>15739.150000000001</v>
      </c>
      <c r="U85" s="105">
        <v>15739.150000000001</v>
      </c>
      <c r="V85" s="8"/>
      <c r="W85" s="8"/>
      <c r="X85" s="8"/>
      <c r="Y85" s="29"/>
      <c r="Z85" s="8"/>
    </row>
    <row r="86" spans="1:26" ht="15" customHeight="1" x14ac:dyDescent="0.15">
      <c r="A86" s="75" t="s">
        <v>119</v>
      </c>
      <c r="B86" s="80" t="s">
        <v>30</v>
      </c>
      <c r="C86" s="81" t="s">
        <v>1</v>
      </c>
      <c r="D86" s="91">
        <v>6745.75</v>
      </c>
      <c r="E86" s="3">
        <v>300.67</v>
      </c>
      <c r="F86" s="18">
        <v>0</v>
      </c>
      <c r="G86" s="91">
        <v>7046.42</v>
      </c>
      <c r="H86" s="91">
        <v>5.75</v>
      </c>
      <c r="I86" s="91">
        <v>1107.8899999999999</v>
      </c>
      <c r="J86" s="91">
        <v>0.08</v>
      </c>
      <c r="K86" s="91">
        <v>246.60000000000002</v>
      </c>
      <c r="L86" s="91">
        <v>1228.6500000000001</v>
      </c>
      <c r="M86" s="91">
        <v>156.68</v>
      </c>
      <c r="N86" s="91">
        <v>3067.25</v>
      </c>
      <c r="O86" s="91">
        <v>171.97</v>
      </c>
      <c r="P86" s="91">
        <v>1054.56</v>
      </c>
      <c r="Q86" s="91">
        <v>16880.850000000002</v>
      </c>
      <c r="R86" s="91">
        <v>23920.280000000002</v>
      </c>
      <c r="S86" s="18" t="s">
        <v>4</v>
      </c>
      <c r="T86" s="91">
        <v>23920.280000000002</v>
      </c>
      <c r="U86" s="91">
        <v>30966.700000000004</v>
      </c>
      <c r="V86" s="91">
        <v>593</v>
      </c>
      <c r="W86" s="91">
        <v>56</v>
      </c>
      <c r="X86" s="91">
        <v>649</v>
      </c>
      <c r="Y86" s="91">
        <v>2034.2999999999956</v>
      </c>
      <c r="Z86" s="91">
        <v>33650</v>
      </c>
    </row>
    <row r="87" spans="1:26" ht="15" customHeight="1" x14ac:dyDescent="0.15">
      <c r="A87" s="83"/>
      <c r="B87" s="84" t="s">
        <v>1</v>
      </c>
      <c r="C87" s="78"/>
      <c r="D87" s="93">
        <v>12607.19</v>
      </c>
      <c r="E87" s="2">
        <v>436.53000000000003</v>
      </c>
      <c r="F87" s="20">
        <v>0</v>
      </c>
      <c r="G87" s="93">
        <v>13043.720000000001</v>
      </c>
      <c r="H87" s="93">
        <v>56.680000000000007</v>
      </c>
      <c r="I87" s="93">
        <v>3552.5999999999995</v>
      </c>
      <c r="J87" s="93">
        <v>770.3900000000001</v>
      </c>
      <c r="K87" s="93">
        <v>3104.92</v>
      </c>
      <c r="L87" s="93">
        <v>8455.18</v>
      </c>
      <c r="M87" s="93">
        <v>608.79000000000008</v>
      </c>
      <c r="N87" s="93">
        <v>9226.6200000000008</v>
      </c>
      <c r="O87" s="93">
        <v>512.08999999999992</v>
      </c>
      <c r="P87" s="93">
        <v>6611.54</v>
      </c>
      <c r="Q87" s="93">
        <v>76172.000000000015</v>
      </c>
      <c r="R87" s="93">
        <v>109070.81000000001</v>
      </c>
      <c r="S87" s="18" t="s">
        <v>4</v>
      </c>
      <c r="T87" s="93">
        <v>109070.81000000001</v>
      </c>
      <c r="U87" s="93">
        <v>122114.53000000001</v>
      </c>
      <c r="V87" s="93">
        <v>1993</v>
      </c>
      <c r="W87" s="93">
        <v>541</v>
      </c>
      <c r="X87" s="93">
        <v>2534</v>
      </c>
      <c r="Y87" s="93">
        <v>13023.469999999979</v>
      </c>
      <c r="Z87" s="93">
        <v>137672</v>
      </c>
    </row>
    <row r="88" spans="1:26" ht="15" customHeight="1" x14ac:dyDescent="0.15">
      <c r="A88" s="85"/>
      <c r="B88" s="84" t="s">
        <v>120</v>
      </c>
      <c r="C88" s="82"/>
      <c r="D88" s="93">
        <v>28921.620000000003</v>
      </c>
      <c r="E88" s="93">
        <v>3318.2000000000003</v>
      </c>
      <c r="F88" s="20">
        <v>26</v>
      </c>
      <c r="G88" s="93">
        <v>32265.820000000003</v>
      </c>
      <c r="H88" s="93">
        <v>2727.2000000000003</v>
      </c>
      <c r="I88" s="93">
        <v>23457.289999999994</v>
      </c>
      <c r="J88" s="93">
        <v>1999</v>
      </c>
      <c r="K88" s="93">
        <v>24318.42</v>
      </c>
      <c r="L88" s="93">
        <v>32486.39</v>
      </c>
      <c r="M88" s="93">
        <v>6739.42</v>
      </c>
      <c r="N88" s="93">
        <v>30953.14</v>
      </c>
      <c r="O88" s="93">
        <v>6258.44</v>
      </c>
      <c r="P88" s="93">
        <v>24603.100000000002</v>
      </c>
      <c r="Q88" s="93">
        <v>338697.41000000003</v>
      </c>
      <c r="R88" s="93">
        <v>492239.81000000006</v>
      </c>
      <c r="S88" s="20">
        <v>14.100000000000001</v>
      </c>
      <c r="T88" s="93">
        <v>492253.91000000003</v>
      </c>
      <c r="U88" s="93">
        <v>524519.73</v>
      </c>
      <c r="V88" s="93">
        <v>21928</v>
      </c>
      <c r="W88" s="93">
        <v>3822</v>
      </c>
      <c r="X88" s="93">
        <v>25749</v>
      </c>
      <c r="Y88" s="93">
        <v>120557.26999999996</v>
      </c>
      <c r="Z88" s="93">
        <v>670826</v>
      </c>
    </row>
  </sheetData>
  <phoneticPr fontId="2"/>
  <printOptions horizontalCentered="1"/>
  <pageMargins left="0.70866141732283472" right="0.70866141732283472" top="1.1811023622047245" bottom="0.39370078740157483" header="0.94488188976377963" footer="0.51181102362204722"/>
  <pageSetup paperSize="9" scale="96" firstPageNumber="26" fitToHeight="0" pageOrder="overThenDown" orientation="portrait" useFirstPageNumber="1" r:id="rId1"/>
  <headerFooter differentFirst="1" scaleWithDoc="0" alignWithMargins="0">
    <firstHeader>&amp;L&amp;"ＭＳ 明朝,標準"&amp;13　　　&amp;12(2) 市町村別</firstHeader>
  </headerFooter>
  <colBreaks count="1" manualBreakCount="1">
    <brk id="14" max="9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3(2)</vt:lpstr>
      <vt:lpstr>'3(2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長野　純子</dc:creator>
  <cp:lastModifiedBy>Windows ユーザー</cp:lastModifiedBy>
  <cp:lastPrinted>2018-11-06T23:44:42Z</cp:lastPrinted>
  <dcterms:created xsi:type="dcterms:W3CDTF">1997-01-08T22:48:59Z</dcterms:created>
  <dcterms:modified xsi:type="dcterms:W3CDTF">2019-08-28T00:49:40Z</dcterms:modified>
</cp:coreProperties>
</file>